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702\04_積算システムグループ\00_【建築関係】\令和6年度\99_その他\ホームページ・イントラ更新\ホームページ更新\R60501 更新（規格表改定・積算チェックマニュアル修正）\チェックマニュアル修正\"/>
    </mc:Choice>
  </mc:AlternateContent>
  <bookViews>
    <workbookView xWindow="0" yWindow="0" windowWidth="20460" windowHeight="7116" tabRatio="767"/>
  </bookViews>
  <sheets>
    <sheet name="数量算出チェックリスト（表紙)" sheetId="21" r:id="rId1"/>
    <sheet name="数量算出チェックリスト（基本事項）" sheetId="1" r:id="rId2"/>
    <sheet name="数量算出チェックリスト（数量算出）" sheetId="9" r:id="rId3"/>
    <sheet name="積算数量調書チェックリスト（表紙）" sheetId="22" r:id="rId4"/>
    <sheet name="積算数量調書チェックリスト" sheetId="10" r:id="rId5"/>
    <sheet name="単価資料等チェックリスト（表紙）" sheetId="30" r:id="rId6"/>
    <sheet name="単価資料等チェックリスト" sheetId="14" r:id="rId7"/>
    <sheet name="単価等設定チェックリスト" sheetId="27" r:id="rId8"/>
    <sheet name="昇降機設備チェックリスト(必要に応じて各チェックリストに添付）" sheetId="32" r:id="rId9"/>
  </sheets>
  <definedNames>
    <definedName name="_xlnm.Print_Area" localSheetId="1">'数量算出チェックリスト（基本事項）'!$A$1:$E$612</definedName>
    <definedName name="_xlnm.Print_Area" localSheetId="2">'数量算出チェックリスト（数量算出）'!$A$1:$E$686</definedName>
    <definedName name="_xlnm.Print_Area" localSheetId="0">'数量算出チェックリスト（表紙)'!$A$1:$I$58</definedName>
    <definedName name="_xlnm.Print_Area" localSheetId="4">積算数量調書チェックリスト!$B$1:$E$513</definedName>
    <definedName name="_xlnm.Print_Area" localSheetId="6">単価資料等チェックリスト!$B$1:$E$482</definedName>
    <definedName name="_xlnm.Print_Area" localSheetId="7">単価等設定チェックリスト!$B$1:$C$112</definedName>
    <definedName name="基準単価" localSheetId="8">#REF!</definedName>
    <definedName name="基準単価" localSheetId="5">#REF!</definedName>
    <definedName name="基準単価" localSheetId="7">#REF!</definedName>
    <definedName name="基準単価">#REF!</definedName>
  </definedNames>
  <calcPr calcId="162913"/>
</workbook>
</file>

<file path=xl/calcChain.xml><?xml version="1.0" encoding="utf-8"?>
<calcChain xmlns="http://schemas.openxmlformats.org/spreadsheetml/2006/main">
  <c r="F1" i="10" l="1"/>
  <c r="F64" i="10" l="1"/>
</calcChain>
</file>

<file path=xl/sharedStrings.xml><?xml version="1.0" encoding="utf-8"?>
<sst xmlns="http://schemas.openxmlformats.org/spreadsheetml/2006/main" count="3179" uniqueCount="1503">
  <si>
    <t>（７）情報表示設備</t>
    <rPh sb="3" eb="5">
      <t>ジョウホウ</t>
    </rPh>
    <rPh sb="5" eb="7">
      <t>ヒョウジ</t>
    </rPh>
    <rPh sb="7" eb="9">
      <t>セツビ</t>
    </rPh>
    <phoneticPr fontId="6"/>
  </si>
  <si>
    <t>（ａ）マルチサイン装置</t>
    <rPh sb="9" eb="11">
      <t>ソウチ</t>
    </rPh>
    <phoneticPr fontId="6"/>
  </si>
  <si>
    <t>舗装部分の復旧　　　　　○本工事　○別途工事</t>
    <rPh sb="0" eb="2">
      <t>ホソウ</t>
    </rPh>
    <rPh sb="2" eb="4">
      <t>ブブン</t>
    </rPh>
    <rPh sb="5" eb="7">
      <t>フッキュウ</t>
    </rPh>
    <rPh sb="13" eb="16">
      <t>ホンコウジ</t>
    </rPh>
    <rPh sb="18" eb="20">
      <t>ベット</t>
    </rPh>
    <rPh sb="20" eb="22">
      <t>コウジ</t>
    </rPh>
    <phoneticPr fontId="8"/>
  </si>
  <si>
    <t>根切数量から埋戻し及び盛り土等の数量を減じたか。</t>
    <rPh sb="9" eb="10">
      <t>オヨ</t>
    </rPh>
    <rPh sb="14" eb="15">
      <t>トウ</t>
    </rPh>
    <phoneticPr fontId="6"/>
  </si>
  <si>
    <t>掘削機械
　○BH 0.13ｍ3  ○BH 0.28ｍ3  ○BH 0.45ｍ3  ○人力</t>
    <rPh sb="0" eb="2">
      <t>クッサク</t>
    </rPh>
    <rPh sb="2" eb="4">
      <t>キカイ</t>
    </rPh>
    <phoneticPr fontId="6"/>
  </si>
  <si>
    <t>鉄筋のサイズ　○D10　　○D13</t>
    <rPh sb="0" eb="2">
      <t>テッキン</t>
    </rPh>
    <phoneticPr fontId="6"/>
  </si>
  <si>
    <t>鉄筋のサイズ及び数量を確認したか。</t>
    <rPh sb="6" eb="7">
      <t>オヨ</t>
    </rPh>
    <rPh sb="8" eb="10">
      <t>スウリョウ</t>
    </rPh>
    <phoneticPr fontId="6"/>
  </si>
  <si>
    <t>配線器具類</t>
    <rPh sb="2" eb="5">
      <t>キグルイ</t>
    </rPh>
    <phoneticPr fontId="6"/>
  </si>
  <si>
    <t>材質　　○金属製　　○樹脂製</t>
    <rPh sb="0" eb="2">
      <t>ザイシツ</t>
    </rPh>
    <rPh sb="5" eb="8">
      <t>キンゾクセイ</t>
    </rPh>
    <rPh sb="11" eb="14">
      <t>ジュシセイ</t>
    </rPh>
    <phoneticPr fontId="6"/>
  </si>
  <si>
    <t>配管配線等</t>
    <rPh sb="0" eb="2">
      <t>ハイカン</t>
    </rPh>
    <rPh sb="4" eb="5">
      <t>トウ</t>
    </rPh>
    <phoneticPr fontId="6"/>
  </si>
  <si>
    <t>必要により、位置ボックスを計上したか。</t>
    <rPh sb="0" eb="2">
      <t>ヒツヨウ</t>
    </rPh>
    <rPh sb="6" eb="8">
      <t>イチ</t>
    </rPh>
    <rPh sb="13" eb="15">
      <t>ケイジョウ</t>
    </rPh>
    <phoneticPr fontId="6"/>
  </si>
  <si>
    <t>電動機の結線費を計上したか。</t>
    <rPh sb="0" eb="3">
      <t>デンドウキ</t>
    </rPh>
    <rPh sb="4" eb="7">
      <t>ケッセンヒ</t>
    </rPh>
    <rPh sb="8" eb="10">
      <t>ケイジョウ</t>
    </rPh>
    <phoneticPr fontId="7"/>
  </si>
  <si>
    <t>外灯</t>
    <rPh sb="0" eb="2">
      <t>ガイトウ</t>
    </rPh>
    <phoneticPr fontId="8"/>
  </si>
  <si>
    <t>受信機</t>
    <rPh sb="0" eb="3">
      <t>ジュシンキ</t>
    </rPh>
    <phoneticPr fontId="6"/>
  </si>
  <si>
    <t>副受信機・表示装置</t>
    <rPh sb="0" eb="4">
      <t>フクジュシンキ</t>
    </rPh>
    <rPh sb="5" eb="7">
      <t>ヒョウジ</t>
    </rPh>
    <rPh sb="7" eb="9">
      <t>ソウチ</t>
    </rPh>
    <phoneticPr fontId="6"/>
  </si>
  <si>
    <t>中継器</t>
    <rPh sb="0" eb="3">
      <t>チュウケイキ</t>
    </rPh>
    <phoneticPr fontId="6"/>
  </si>
  <si>
    <t>種別、性能、回線数、盤形式を確認したか。</t>
    <rPh sb="0" eb="2">
      <t>シュベツ</t>
    </rPh>
    <rPh sb="3" eb="5">
      <t>セイノウ</t>
    </rPh>
    <rPh sb="6" eb="9">
      <t>カイセンスウ</t>
    </rPh>
    <rPh sb="10" eb="11">
      <t>バン</t>
    </rPh>
    <rPh sb="11" eb="13">
      <t>ケイシキ</t>
    </rPh>
    <rPh sb="14" eb="16">
      <t>カクニン</t>
    </rPh>
    <phoneticPr fontId="6"/>
  </si>
  <si>
    <t>連動制御器の回線数、遠方復帰機構の回線数を確認したか。
（複合盤の場合）</t>
    <rPh sb="0" eb="2">
      <t>レンドウ</t>
    </rPh>
    <rPh sb="2" eb="5">
      <t>セイギョキ</t>
    </rPh>
    <rPh sb="6" eb="9">
      <t>カイセンスウ</t>
    </rPh>
    <rPh sb="10" eb="12">
      <t>エンポウ</t>
    </rPh>
    <rPh sb="12" eb="14">
      <t>フッキ</t>
    </rPh>
    <rPh sb="14" eb="16">
      <t>キコウ</t>
    </rPh>
    <rPh sb="17" eb="19">
      <t>カイセン</t>
    </rPh>
    <rPh sb="19" eb="20">
      <t>スウ</t>
    </rPh>
    <rPh sb="21" eb="23">
      <t>カクニン</t>
    </rPh>
    <rPh sb="29" eb="31">
      <t>フクゴウ</t>
    </rPh>
    <rPh sb="31" eb="32">
      <t>バン</t>
    </rPh>
    <rPh sb="33" eb="35">
      <t>バアイ</t>
    </rPh>
    <phoneticPr fontId="6"/>
  </si>
  <si>
    <t>受信機・複合盤</t>
    <rPh sb="0" eb="3">
      <t>ジュシンキ</t>
    </rPh>
    <rPh sb="4" eb="6">
      <t>フクゴウ</t>
    </rPh>
    <rPh sb="6" eb="7">
      <t>バン</t>
    </rPh>
    <phoneticPr fontId="6"/>
  </si>
  <si>
    <t>連動制御装置</t>
    <rPh sb="0" eb="2">
      <t>レンドウ</t>
    </rPh>
    <rPh sb="2" eb="4">
      <t>セイギョ</t>
    </rPh>
    <rPh sb="4" eb="6">
      <t>ソウチ</t>
    </rPh>
    <phoneticPr fontId="6"/>
  </si>
  <si>
    <t>複合盤</t>
    <rPh sb="0" eb="2">
      <t>フクゴウ</t>
    </rPh>
    <rPh sb="2" eb="3">
      <t>バン</t>
    </rPh>
    <phoneticPr fontId="6"/>
  </si>
  <si>
    <t>（ｂ）自動閉鎖装置</t>
    <rPh sb="3" eb="5">
      <t>ジドウ</t>
    </rPh>
    <rPh sb="5" eb="7">
      <t>ヘイサ</t>
    </rPh>
    <rPh sb="7" eb="9">
      <t>ソウチ</t>
    </rPh>
    <phoneticPr fontId="6"/>
  </si>
  <si>
    <t>ガス漏れ受信機</t>
    <rPh sb="2" eb="3">
      <t>モ</t>
    </rPh>
    <rPh sb="4" eb="7">
      <t>ジュシンキ</t>
    </rPh>
    <phoneticPr fontId="6"/>
  </si>
  <si>
    <t>中継器盤</t>
    <rPh sb="0" eb="4">
      <t>チュウケイキバン</t>
    </rPh>
    <phoneticPr fontId="6"/>
  </si>
  <si>
    <t>（16）中央監視制御設備</t>
    <rPh sb="4" eb="6">
      <t>チュウオウ</t>
    </rPh>
    <rPh sb="6" eb="8">
      <t>カンシ</t>
    </rPh>
    <rPh sb="8" eb="10">
      <t>セイギョ</t>
    </rPh>
    <rPh sb="10" eb="12">
      <t>セツビ</t>
    </rPh>
    <phoneticPr fontId="8"/>
  </si>
  <si>
    <t>監視装置</t>
  </si>
  <si>
    <t>適切な依頼先が選定されているか。</t>
    <rPh sb="0" eb="2">
      <t>テキセツ</t>
    </rPh>
    <rPh sb="3" eb="6">
      <t>イライサキ</t>
    </rPh>
    <rPh sb="7" eb="9">
      <t>センテイ</t>
    </rPh>
    <phoneticPr fontId="8"/>
  </si>
  <si>
    <t>消費税を除いた金額であるか。</t>
    <rPh sb="0" eb="3">
      <t>ショウヒゼイ</t>
    </rPh>
    <rPh sb="4" eb="5">
      <t>ノゾ</t>
    </rPh>
    <rPh sb="7" eb="9">
      <t>キンガク</t>
    </rPh>
    <phoneticPr fontId="8"/>
  </si>
  <si>
    <t>金額</t>
    <rPh sb="0" eb="2">
      <t>キンガク</t>
    </rPh>
    <phoneticPr fontId="6"/>
  </si>
  <si>
    <t>価格</t>
    <rPh sb="0" eb="2">
      <t>カカク</t>
    </rPh>
    <phoneticPr fontId="6"/>
  </si>
  <si>
    <t>ヒアリング及び類似製品等と比較し、適正な価格としたか。</t>
    <rPh sb="5" eb="6">
      <t>オヨ</t>
    </rPh>
    <rPh sb="7" eb="9">
      <t>ルイジ</t>
    </rPh>
    <rPh sb="9" eb="11">
      <t>セイヒン</t>
    </rPh>
    <rPh sb="11" eb="12">
      <t>トウ</t>
    </rPh>
    <rPh sb="13" eb="15">
      <t>ヒカク</t>
    </rPh>
    <rPh sb="17" eb="19">
      <t>テキセイ</t>
    </rPh>
    <rPh sb="20" eb="22">
      <t>カカク</t>
    </rPh>
    <phoneticPr fontId="6"/>
  </si>
  <si>
    <t>砂利地業を計上したか。</t>
    <rPh sb="0" eb="2">
      <t>ジャリ</t>
    </rPh>
    <rPh sb="2" eb="3">
      <t>チ</t>
    </rPh>
    <rPh sb="3" eb="4">
      <t>ギョウ</t>
    </rPh>
    <rPh sb="5" eb="7">
      <t>ケイジョウ</t>
    </rPh>
    <phoneticPr fontId="7"/>
  </si>
  <si>
    <t>ITV制御装置</t>
    <rPh sb="3" eb="5">
      <t>セイギョ</t>
    </rPh>
    <rPh sb="5" eb="7">
      <t>ソウチ</t>
    </rPh>
    <phoneticPr fontId="8"/>
  </si>
  <si>
    <t>機器用基礎</t>
    <rPh sb="0" eb="3">
      <t>キキヨウ</t>
    </rPh>
    <rPh sb="3" eb="5">
      <t>キソ</t>
    </rPh>
    <phoneticPr fontId="7"/>
  </si>
  <si>
    <t>入退室管理装置</t>
    <rPh sb="0" eb="3">
      <t>ニュウタイシツ</t>
    </rPh>
    <rPh sb="3" eb="5">
      <t>カンリ</t>
    </rPh>
    <rPh sb="5" eb="7">
      <t>ソウチ</t>
    </rPh>
    <phoneticPr fontId="8"/>
  </si>
  <si>
    <t>防火戸レリーズ以外の閉鎖装置の結線費を計上したか。</t>
    <rPh sb="0" eb="3">
      <t>ボウカド</t>
    </rPh>
    <rPh sb="7" eb="9">
      <t>イガイ</t>
    </rPh>
    <rPh sb="10" eb="12">
      <t>ヘイサ</t>
    </rPh>
    <rPh sb="12" eb="14">
      <t>ソウチ</t>
    </rPh>
    <rPh sb="15" eb="18">
      <t>ケッセンヒ</t>
    </rPh>
    <rPh sb="19" eb="21">
      <t>ケイジョウ</t>
    </rPh>
    <phoneticPr fontId="7"/>
  </si>
  <si>
    <t>信号処理装置</t>
    <rPh sb="0" eb="2">
      <t>シンゴウ</t>
    </rPh>
    <rPh sb="2" eb="4">
      <t>ショリ</t>
    </rPh>
    <rPh sb="4" eb="6">
      <t>ソウチ</t>
    </rPh>
    <phoneticPr fontId="8"/>
  </si>
  <si>
    <t>記録装置</t>
    <rPh sb="0" eb="2">
      <t>キロク</t>
    </rPh>
    <rPh sb="2" eb="4">
      <t>ソウチ</t>
    </rPh>
    <phoneticPr fontId="8"/>
  </si>
  <si>
    <t>（４）映像・音響設備</t>
    <rPh sb="3" eb="5">
      <t>エイゾウ</t>
    </rPh>
    <rPh sb="6" eb="8">
      <t>オンキョウ</t>
    </rPh>
    <rPh sb="8" eb="10">
      <t>セツビ</t>
    </rPh>
    <phoneticPr fontId="6"/>
  </si>
  <si>
    <t>（５）拡声設備</t>
    <rPh sb="3" eb="5">
      <t>カクセイ</t>
    </rPh>
    <rPh sb="5" eb="7">
      <t>セツビ</t>
    </rPh>
    <phoneticPr fontId="6"/>
  </si>
  <si>
    <t>音量調節器</t>
    <rPh sb="0" eb="2">
      <t>オンリョウ</t>
    </rPh>
    <rPh sb="2" eb="5">
      <t>チョウセツキ</t>
    </rPh>
    <phoneticPr fontId="6"/>
  </si>
  <si>
    <t>（６）誘導支援設備</t>
    <rPh sb="3" eb="5">
      <t>ユウドウ</t>
    </rPh>
    <rPh sb="5" eb="7">
      <t>シエン</t>
    </rPh>
    <rPh sb="7" eb="9">
      <t>セツビ</t>
    </rPh>
    <phoneticPr fontId="6"/>
  </si>
  <si>
    <t>外部受付用
インターホン</t>
    <rPh sb="0" eb="2">
      <t>ガイブ</t>
    </rPh>
    <rPh sb="2" eb="4">
      <t>ウケツケ</t>
    </rPh>
    <rPh sb="4" eb="5">
      <t>ヨウ</t>
    </rPh>
    <phoneticPr fontId="7"/>
  </si>
  <si>
    <t>インターホン子機</t>
    <rPh sb="6" eb="8">
      <t>コキ</t>
    </rPh>
    <phoneticPr fontId="8"/>
  </si>
  <si>
    <t>材質、長さ、支持方式等を確認したか。</t>
    <rPh sb="0" eb="2">
      <t>ザイシツ</t>
    </rPh>
    <rPh sb="3" eb="4">
      <t>ナガ</t>
    </rPh>
    <rPh sb="12" eb="14">
      <t>カクニン</t>
    </rPh>
    <phoneticPr fontId="7"/>
  </si>
  <si>
    <t>収容機器を確認したか。</t>
    <rPh sb="0" eb="2">
      <t>シュウヨウ</t>
    </rPh>
    <rPh sb="2" eb="4">
      <t>キキ</t>
    </rPh>
    <rPh sb="5" eb="7">
      <t>カクニン</t>
    </rPh>
    <phoneticPr fontId="6"/>
  </si>
  <si>
    <t>デジタルＰＢＸ、ＩＰ－ＰＢＸまたはＶｏＩＰサーバーの区別を確認したか。</t>
    <rPh sb="26" eb="28">
      <t>クベツ</t>
    </rPh>
    <rPh sb="29" eb="31">
      <t>カクニン</t>
    </rPh>
    <phoneticPr fontId="6"/>
  </si>
  <si>
    <t>ＩＰ電話の品質クラス及び電源供給（ＰｏＥ方式）を確認したか。</t>
    <rPh sb="2" eb="4">
      <t>デンワ</t>
    </rPh>
    <rPh sb="5" eb="7">
      <t>ヒンシツ</t>
    </rPh>
    <rPh sb="10" eb="11">
      <t>オヨ</t>
    </rPh>
    <rPh sb="12" eb="14">
      <t>デンゲン</t>
    </rPh>
    <rPh sb="14" eb="16">
      <t>キョウキュウ</t>
    </rPh>
    <rPh sb="20" eb="22">
      <t>ホウシキ</t>
    </rPh>
    <rPh sb="24" eb="26">
      <t>カクニン</t>
    </rPh>
    <phoneticPr fontId="6"/>
  </si>
  <si>
    <t>（○本工事　　○別途工事）</t>
    <rPh sb="2" eb="5">
      <t>ホンコウジ</t>
    </rPh>
    <rPh sb="8" eb="10">
      <t>ベット</t>
    </rPh>
    <rPh sb="10" eb="12">
      <t>コウジ</t>
    </rPh>
    <phoneticPr fontId="6"/>
  </si>
  <si>
    <t>機器は、仕様ごとに間違いなく数量が転記されているか。</t>
    <rPh sb="0" eb="2">
      <t>キキ</t>
    </rPh>
    <rPh sb="4" eb="6">
      <t>シヨウ</t>
    </rPh>
    <rPh sb="9" eb="11">
      <t>マチガ</t>
    </rPh>
    <rPh sb="14" eb="16">
      <t>スウリョウ</t>
    </rPh>
    <rPh sb="17" eb="19">
      <t>テンキ</t>
    </rPh>
    <phoneticPr fontId="6"/>
  </si>
  <si>
    <t>有無を確認したか。</t>
    <rPh sb="0" eb="2">
      <t>ウム</t>
    </rPh>
    <rPh sb="3" eb="5">
      <t>カクニン</t>
    </rPh>
    <phoneticPr fontId="6"/>
  </si>
  <si>
    <t>設計数量で計測、計算したか。
※隠蔽の分岐配管配線は最短経路、その他は設計図示経路とする。</t>
    <rPh sb="5" eb="7">
      <t>ケイソク</t>
    </rPh>
    <rPh sb="8" eb="10">
      <t>ケイサン</t>
    </rPh>
    <phoneticPr fontId="6"/>
  </si>
  <si>
    <t>消音器</t>
    <rPh sb="0" eb="3">
      <t>ショウオンキ</t>
    </rPh>
    <phoneticPr fontId="6"/>
  </si>
  <si>
    <t>内線電話への配線の計上は確認したか。（特記仕様書で確認）</t>
    <rPh sb="0" eb="2">
      <t>ナイセン</t>
    </rPh>
    <rPh sb="2" eb="4">
      <t>デンワ</t>
    </rPh>
    <rPh sb="6" eb="8">
      <t>ハイセン</t>
    </rPh>
    <rPh sb="9" eb="11">
      <t>ケイジョウ</t>
    </rPh>
    <rPh sb="12" eb="14">
      <t>カクニン</t>
    </rPh>
    <phoneticPr fontId="8"/>
  </si>
  <si>
    <t>工事区分に従い計上したか。</t>
    <rPh sb="0" eb="4">
      <t>コウジクブン</t>
    </rPh>
    <rPh sb="5" eb="6">
      <t>シタガ</t>
    </rPh>
    <rPh sb="7" eb="9">
      <t>ケイジョウ</t>
    </rPh>
    <phoneticPr fontId="8"/>
  </si>
  <si>
    <t>埋設に係る土工事は、</t>
    <rPh sb="0" eb="2">
      <t>マイセツ</t>
    </rPh>
    <rPh sb="3" eb="4">
      <t>カカ</t>
    </rPh>
    <rPh sb="5" eb="8">
      <t>ドコウジ</t>
    </rPh>
    <phoneticPr fontId="7"/>
  </si>
  <si>
    <t>（10）防犯・入退室管理設備</t>
    <rPh sb="4" eb="6">
      <t>ボウハン</t>
    </rPh>
    <rPh sb="7" eb="8">
      <t>ニュウ</t>
    </rPh>
    <rPh sb="8" eb="10">
      <t>タイシツ</t>
    </rPh>
    <rPh sb="10" eb="12">
      <t>カンリ</t>
    </rPh>
    <rPh sb="12" eb="14">
      <t>セツビ</t>
    </rPh>
    <phoneticPr fontId="8"/>
  </si>
  <si>
    <t>※端子板が必要な場合は別途計上する。</t>
    <rPh sb="5" eb="7">
      <t>ヒツヨウ</t>
    </rPh>
    <rPh sb="8" eb="10">
      <t>バアイ</t>
    </rPh>
    <rPh sb="11" eb="13">
      <t>ベット</t>
    </rPh>
    <phoneticPr fontId="6"/>
  </si>
  <si>
    <t>携帯用送受話機を計上したか。</t>
    <rPh sb="8" eb="10">
      <t>ケイジョウ</t>
    </rPh>
    <phoneticPr fontId="6"/>
  </si>
  <si>
    <t>結線費</t>
    <rPh sb="0" eb="2">
      <t>ケッセン</t>
    </rPh>
    <rPh sb="2" eb="3">
      <t>ヒ</t>
    </rPh>
    <phoneticPr fontId="6"/>
  </si>
  <si>
    <t>積込み費を計上したか。
※積込み方法確認</t>
    <rPh sb="0" eb="1">
      <t>ツ</t>
    </rPh>
    <rPh sb="1" eb="2">
      <t>コ</t>
    </rPh>
    <rPh sb="3" eb="4">
      <t>ヒ</t>
    </rPh>
    <rPh sb="5" eb="7">
      <t>ケイジョウ</t>
    </rPh>
    <phoneticPr fontId="7"/>
  </si>
  <si>
    <t>運搬費を計上したか。</t>
    <rPh sb="0" eb="3">
      <t>ウンパンヒ</t>
    </rPh>
    <rPh sb="4" eb="6">
      <t>ケイジョウ</t>
    </rPh>
    <phoneticPr fontId="7"/>
  </si>
  <si>
    <t>装柱材料</t>
    <rPh sb="0" eb="2">
      <t>ソウチュウ</t>
    </rPh>
    <rPh sb="2" eb="4">
      <t>ザイリョウ</t>
    </rPh>
    <phoneticPr fontId="6"/>
  </si>
  <si>
    <t>形式を確認したか。</t>
    <rPh sb="0" eb="2">
      <t>ケイシキ</t>
    </rPh>
    <rPh sb="3" eb="5">
      <t>カクニン</t>
    </rPh>
    <phoneticPr fontId="6"/>
  </si>
  <si>
    <t>（a）構内配電</t>
    <rPh sb="5" eb="7">
      <t>ハイデン</t>
    </rPh>
    <phoneticPr fontId="6"/>
  </si>
  <si>
    <t>（b）外灯</t>
    <rPh sb="3" eb="5">
      <t>ガイトウ</t>
    </rPh>
    <phoneticPr fontId="8"/>
  </si>
  <si>
    <t>縮尺を確認したか。</t>
    <rPh sb="0" eb="2">
      <t>シュクシャク</t>
    </rPh>
    <rPh sb="3" eb="5">
      <t>カクニン</t>
    </rPh>
    <phoneticPr fontId="6"/>
  </si>
  <si>
    <t>基礎</t>
    <rPh sb="0" eb="2">
      <t>キソ</t>
    </rPh>
    <phoneticPr fontId="7"/>
  </si>
  <si>
    <t>他工種工事との区分を確認したか。</t>
    <rPh sb="10" eb="12">
      <t>カクニン</t>
    </rPh>
    <phoneticPr fontId="6"/>
  </si>
  <si>
    <t>発生材処理</t>
    <rPh sb="0" eb="3">
      <t>ハッセイザイ</t>
    </rPh>
    <rPh sb="3" eb="5">
      <t>ショリ</t>
    </rPh>
    <phoneticPr fontId="7"/>
  </si>
  <si>
    <t>発生材運搬</t>
    <rPh sb="0" eb="3">
      <t>ハッセイザイ</t>
    </rPh>
    <rPh sb="3" eb="5">
      <t>ウンパン</t>
    </rPh>
    <phoneticPr fontId="7"/>
  </si>
  <si>
    <t>仕様を確認したか。</t>
    <rPh sb="0" eb="2">
      <t>シヨウ</t>
    </rPh>
    <rPh sb="3" eb="5">
      <t>カクニン</t>
    </rPh>
    <phoneticPr fontId="7"/>
  </si>
  <si>
    <t>方式を確認したか。</t>
    <rPh sb="0" eb="2">
      <t>ホウシキ</t>
    </rPh>
    <phoneticPr fontId="6"/>
  </si>
  <si>
    <t>　○銅板埋設    ○接地棒    ○建築構造体利用</t>
  </si>
  <si>
    <t>方式を確認したか。</t>
    <rPh sb="0" eb="2">
      <t>ホウシキ</t>
    </rPh>
    <rPh sb="3" eb="5">
      <t>カクニン</t>
    </rPh>
    <phoneticPr fontId="6"/>
  </si>
  <si>
    <t>棟上導体</t>
    <rPh sb="0" eb="2">
      <t>ムネア</t>
    </rPh>
    <rPh sb="2" eb="4">
      <t>ドウタイ</t>
    </rPh>
    <phoneticPr fontId="6"/>
  </si>
  <si>
    <t>水平部分と垂直部分とを区分し、支持材を計上したか。</t>
    <rPh sb="12" eb="13">
      <t>ブン</t>
    </rPh>
    <rPh sb="15" eb="17">
      <t>シジ</t>
    </rPh>
    <rPh sb="17" eb="18">
      <t>ザイ</t>
    </rPh>
    <rPh sb="19" eb="21">
      <t>ケイジョウ</t>
    </rPh>
    <phoneticPr fontId="6"/>
  </si>
  <si>
    <t>規格、種別及び寸法ごとに計上したか。</t>
    <rPh sb="0" eb="2">
      <t>キカク</t>
    </rPh>
    <rPh sb="3" eb="5">
      <t>シュベツ</t>
    </rPh>
    <rPh sb="5" eb="6">
      <t>オヨ</t>
    </rPh>
    <rPh sb="7" eb="9">
      <t>スンポウ</t>
    </rPh>
    <rPh sb="12" eb="14">
      <t>ケイジョウ</t>
    </rPh>
    <phoneticPr fontId="6"/>
  </si>
  <si>
    <t>伸縮継手を計上したか。</t>
    <rPh sb="0" eb="2">
      <t>シンシュク</t>
    </rPh>
    <rPh sb="2" eb="3">
      <t>ツ</t>
    </rPh>
    <rPh sb="3" eb="4">
      <t>テ</t>
    </rPh>
    <rPh sb="5" eb="7">
      <t>ケイジョウ</t>
    </rPh>
    <phoneticPr fontId="6"/>
  </si>
  <si>
    <t>変圧器・コンデンサ・直列リアクトル</t>
    <rPh sb="10" eb="12">
      <t>チョクレツ</t>
    </rPh>
    <phoneticPr fontId="6"/>
  </si>
  <si>
    <t>基礎</t>
    <rPh sb="0" eb="2">
      <t>キソ</t>
    </rPh>
    <phoneticPr fontId="6"/>
  </si>
  <si>
    <t>搬入費</t>
    <rPh sb="0" eb="3">
      <t>ハンニュウヒ</t>
    </rPh>
    <phoneticPr fontId="6"/>
  </si>
  <si>
    <t>（b）交流無停電電源</t>
    <rPh sb="3" eb="5">
      <t>コウリュウ</t>
    </rPh>
    <rPh sb="5" eb="6">
      <t>ム</t>
    </rPh>
    <rPh sb="6" eb="8">
      <t>テイデン</t>
    </rPh>
    <rPh sb="8" eb="10">
      <t>デンゲン</t>
    </rPh>
    <phoneticPr fontId="6"/>
  </si>
  <si>
    <t>基礎を計上したか。</t>
    <rPh sb="0" eb="2">
      <t>キソ</t>
    </rPh>
    <phoneticPr fontId="6"/>
  </si>
  <si>
    <t>搬入費を計上したか。</t>
    <rPh sb="0" eb="3">
      <t>ハンニュウヒ</t>
    </rPh>
    <rPh sb="4" eb="6">
      <t>ケイジョウ</t>
    </rPh>
    <phoneticPr fontId="6"/>
  </si>
  <si>
    <t>工事費</t>
    <rPh sb="0" eb="3">
      <t>コウジヒ</t>
    </rPh>
    <phoneticPr fontId="6"/>
  </si>
  <si>
    <t>施工費は計上されているか。</t>
    <rPh sb="0" eb="3">
      <t>セコウヒ</t>
    </rPh>
    <rPh sb="4" eb="6">
      <t>ケイジョウ</t>
    </rPh>
    <phoneticPr fontId="6"/>
  </si>
  <si>
    <t>　高低圧配電盤類</t>
    <rPh sb="1" eb="2">
      <t>コウ</t>
    </rPh>
    <rPh sb="2" eb="4">
      <t>テイアツ</t>
    </rPh>
    <rPh sb="4" eb="7">
      <t>ハイデンバン</t>
    </rPh>
    <rPh sb="7" eb="8">
      <t>ルイ</t>
    </rPh>
    <phoneticPr fontId="6"/>
  </si>
  <si>
    <t>　変圧器</t>
    <rPh sb="1" eb="4">
      <t>ヘンアツキ</t>
    </rPh>
    <phoneticPr fontId="6"/>
  </si>
  <si>
    <t>　高圧進相コンデンサ</t>
    <rPh sb="1" eb="3">
      <t>コウアツ</t>
    </rPh>
    <rPh sb="3" eb="4">
      <t>シン</t>
    </rPh>
    <rPh sb="4" eb="5">
      <t>ソウ</t>
    </rPh>
    <phoneticPr fontId="6"/>
  </si>
  <si>
    <t>　高圧直列リアクトル</t>
    <rPh sb="1" eb="3">
      <t>コウアツ</t>
    </rPh>
    <rPh sb="3" eb="5">
      <t>チョクレツ</t>
    </rPh>
    <phoneticPr fontId="6"/>
  </si>
  <si>
    <t>　交流無停電電源装置</t>
    <rPh sb="1" eb="3">
      <t>コウリュウ</t>
    </rPh>
    <rPh sb="3" eb="4">
      <t>ム</t>
    </rPh>
    <rPh sb="4" eb="6">
      <t>テイデン</t>
    </rPh>
    <rPh sb="6" eb="8">
      <t>デンゲン</t>
    </rPh>
    <rPh sb="8" eb="10">
      <t>ソウチ</t>
    </rPh>
    <phoneticPr fontId="6"/>
  </si>
  <si>
    <t>　始動装置</t>
    <rPh sb="1" eb="3">
      <t>シドウ</t>
    </rPh>
    <rPh sb="3" eb="5">
      <t>ソウチ</t>
    </rPh>
    <phoneticPr fontId="6"/>
  </si>
  <si>
    <t>　発電機盤</t>
    <rPh sb="1" eb="4">
      <t>ハツデンキ</t>
    </rPh>
    <rPh sb="4" eb="5">
      <t>バン</t>
    </rPh>
    <phoneticPr fontId="6"/>
  </si>
  <si>
    <t>　主燃料槽</t>
    <rPh sb="1" eb="2">
      <t>シュ</t>
    </rPh>
    <rPh sb="2" eb="4">
      <t>ネンリョウ</t>
    </rPh>
    <rPh sb="4" eb="5">
      <t>ソウ</t>
    </rPh>
    <phoneticPr fontId="6"/>
  </si>
  <si>
    <t>　燃料小出槽</t>
    <rPh sb="1" eb="3">
      <t>ネンリョウ</t>
    </rPh>
    <rPh sb="3" eb="5">
      <t>コイデ</t>
    </rPh>
    <rPh sb="5" eb="6">
      <t>ソウ</t>
    </rPh>
    <phoneticPr fontId="6"/>
  </si>
  <si>
    <t>　給油口</t>
    <rPh sb="1" eb="3">
      <t>キュウユ</t>
    </rPh>
    <rPh sb="3" eb="4">
      <t>グチ</t>
    </rPh>
    <phoneticPr fontId="6"/>
  </si>
  <si>
    <t>　消音器</t>
    <rPh sb="1" eb="4">
      <t>ショウオンキ</t>
    </rPh>
    <phoneticPr fontId="6"/>
  </si>
  <si>
    <t>　太陽電池アレイ</t>
    <rPh sb="1" eb="3">
      <t>タイヨウ</t>
    </rPh>
    <rPh sb="3" eb="5">
      <t>デンチ</t>
    </rPh>
    <phoneticPr fontId="6"/>
  </si>
  <si>
    <t>　太陽電池架台</t>
    <rPh sb="1" eb="3">
      <t>タイヨウ</t>
    </rPh>
    <rPh sb="3" eb="5">
      <t>デンチ</t>
    </rPh>
    <rPh sb="5" eb="7">
      <t>カダイ</t>
    </rPh>
    <phoneticPr fontId="6"/>
  </si>
  <si>
    <t>　計測装置</t>
    <rPh sb="1" eb="3">
      <t>ケイソク</t>
    </rPh>
    <rPh sb="3" eb="5">
      <t>ソウチ</t>
    </rPh>
    <phoneticPr fontId="6"/>
  </si>
  <si>
    <t>　表示装置</t>
    <rPh sb="1" eb="3">
      <t>ヒョウジ</t>
    </rPh>
    <rPh sb="3" eb="5">
      <t>ソウチ</t>
    </rPh>
    <phoneticPr fontId="6"/>
  </si>
  <si>
    <t>　接続箱</t>
    <rPh sb="1" eb="3">
      <t>セツゾク</t>
    </rPh>
    <rPh sb="3" eb="4">
      <t>バコ</t>
    </rPh>
    <phoneticPr fontId="6"/>
  </si>
  <si>
    <t>　ネットワーク管理装置</t>
    <rPh sb="7" eb="9">
      <t>カンリ</t>
    </rPh>
    <rPh sb="9" eb="11">
      <t>ソウチ</t>
    </rPh>
    <phoneticPr fontId="6"/>
  </si>
  <si>
    <t>　局線中継台</t>
    <rPh sb="1" eb="2">
      <t>キョク</t>
    </rPh>
    <rPh sb="2" eb="3">
      <t>セン</t>
    </rPh>
    <rPh sb="3" eb="5">
      <t>チュウケイ</t>
    </rPh>
    <rPh sb="5" eb="6">
      <t>ダイ</t>
    </rPh>
    <phoneticPr fontId="6"/>
  </si>
  <si>
    <t>　本配線盤</t>
    <rPh sb="1" eb="2">
      <t>ホン</t>
    </rPh>
    <rPh sb="2" eb="5">
      <t>ハイセンバン</t>
    </rPh>
    <phoneticPr fontId="6"/>
  </si>
  <si>
    <t>　電源装置</t>
    <rPh sb="1" eb="3">
      <t>デンゲン</t>
    </rPh>
    <rPh sb="3" eb="5">
      <t>ソウチ</t>
    </rPh>
    <phoneticPr fontId="6"/>
  </si>
  <si>
    <t>　ボタン電話主装置</t>
    <rPh sb="4" eb="6">
      <t>デンワ</t>
    </rPh>
    <rPh sb="6" eb="9">
      <t>シュソウチ</t>
    </rPh>
    <phoneticPr fontId="6"/>
  </si>
  <si>
    <t>　局線表示盤</t>
    <rPh sb="1" eb="3">
      <t>キョクセン</t>
    </rPh>
    <rPh sb="3" eb="6">
      <t>ヒョウジバン</t>
    </rPh>
    <phoneticPr fontId="6"/>
  </si>
  <si>
    <t>　情報表示盤</t>
    <rPh sb="1" eb="3">
      <t>ジョウホウ</t>
    </rPh>
    <rPh sb="3" eb="5">
      <t>ヒョウジ</t>
    </rPh>
    <rPh sb="5" eb="6">
      <t>バン</t>
    </rPh>
    <phoneticPr fontId="6"/>
  </si>
  <si>
    <t>　操作制御部</t>
    <rPh sb="1" eb="3">
      <t>ソウサ</t>
    </rPh>
    <rPh sb="3" eb="5">
      <t>セイギョ</t>
    </rPh>
    <rPh sb="5" eb="6">
      <t>ブ</t>
    </rPh>
    <phoneticPr fontId="6"/>
  </si>
  <si>
    <t>　出退表示盤</t>
    <rPh sb="1" eb="3">
      <t>シュッタイ</t>
    </rPh>
    <rPh sb="3" eb="5">
      <t>ヒョウジ</t>
    </rPh>
    <rPh sb="5" eb="6">
      <t>バン</t>
    </rPh>
    <phoneticPr fontId="6"/>
  </si>
  <si>
    <t>　制御装置</t>
    <rPh sb="1" eb="3">
      <t>セイギョ</t>
    </rPh>
    <rPh sb="3" eb="5">
      <t>ソウチ</t>
    </rPh>
    <phoneticPr fontId="6"/>
  </si>
  <si>
    <t>　親時計</t>
    <rPh sb="1" eb="2">
      <t>オヤ</t>
    </rPh>
    <rPh sb="2" eb="4">
      <t>ドケイ</t>
    </rPh>
    <phoneticPr fontId="6"/>
  </si>
  <si>
    <t>　中継増幅器</t>
    <rPh sb="1" eb="3">
      <t>チュウケイ</t>
    </rPh>
    <rPh sb="3" eb="6">
      <t>ゾウフクキ</t>
    </rPh>
    <phoneticPr fontId="6"/>
  </si>
  <si>
    <t>　機器収納架</t>
    <rPh sb="1" eb="3">
      <t>キキ</t>
    </rPh>
    <rPh sb="3" eb="5">
      <t>シュウノウ</t>
    </rPh>
    <rPh sb="5" eb="6">
      <t>カ</t>
    </rPh>
    <phoneticPr fontId="6"/>
  </si>
  <si>
    <t>　接続盤</t>
    <rPh sb="1" eb="3">
      <t>セツゾク</t>
    </rPh>
    <rPh sb="3" eb="4">
      <t>バン</t>
    </rPh>
    <phoneticPr fontId="6"/>
  </si>
  <si>
    <t>　操作卓</t>
    <rPh sb="1" eb="3">
      <t>ソウサ</t>
    </rPh>
    <rPh sb="3" eb="4">
      <t>タク</t>
    </rPh>
    <phoneticPr fontId="6"/>
  </si>
  <si>
    <t>　増幅器</t>
    <rPh sb="1" eb="4">
      <t>ゾウフクキ</t>
    </rPh>
    <phoneticPr fontId="6"/>
  </si>
  <si>
    <t>　音声誘導装置</t>
    <rPh sb="1" eb="3">
      <t>オンセイ</t>
    </rPh>
    <rPh sb="3" eb="5">
      <t>ユウドウ</t>
    </rPh>
    <rPh sb="5" eb="7">
      <t>ソウチ</t>
    </rPh>
    <phoneticPr fontId="6"/>
  </si>
  <si>
    <t>仕</t>
    <rPh sb="0" eb="1">
      <t>シ</t>
    </rPh>
    <phoneticPr fontId="6"/>
  </si>
  <si>
    <t>数</t>
    <rPh sb="0" eb="1">
      <t>スウ</t>
    </rPh>
    <phoneticPr fontId="6"/>
  </si>
  <si>
    <t>受電電圧、周波数、受電種別及び区分開閉器の仕様を確認したか。</t>
    <rPh sb="21" eb="23">
      <t>シヨウ</t>
    </rPh>
    <phoneticPr fontId="6"/>
  </si>
  <si>
    <t>塗装を計上したか。※隠ぺい、SUS以外。</t>
    <rPh sb="0" eb="2">
      <t>トソウ</t>
    </rPh>
    <rPh sb="3" eb="5">
      <t>ケイジョウ</t>
    </rPh>
    <phoneticPr fontId="6"/>
  </si>
  <si>
    <t>（２）配管配線等</t>
    <rPh sb="7" eb="8">
      <t>トウ</t>
    </rPh>
    <phoneticPr fontId="6"/>
  </si>
  <si>
    <t>配線ダクト</t>
    <rPh sb="0" eb="2">
      <t>ハイセン</t>
    </rPh>
    <phoneticPr fontId="6"/>
  </si>
  <si>
    <t>接地極</t>
    <rPh sb="2" eb="3">
      <t>キョク</t>
    </rPh>
    <phoneticPr fontId="6"/>
  </si>
  <si>
    <t>接地埋設標</t>
    <rPh sb="0" eb="2">
      <t>セッチ</t>
    </rPh>
    <rPh sb="2" eb="4">
      <t>マイセツ</t>
    </rPh>
    <rPh sb="4" eb="5">
      <t>ヒョウ</t>
    </rPh>
    <phoneticPr fontId="6"/>
  </si>
  <si>
    <t>照明器具</t>
  </si>
  <si>
    <t>制御盤</t>
  </si>
  <si>
    <t>その他</t>
  </si>
  <si>
    <t>種類、容量、セル数、出力方式及び収納形式を確認したか。</t>
  </si>
  <si>
    <t>電気方式、入力電圧、定格直流電流及び盤形式を確認したか。</t>
  </si>
  <si>
    <t>定格電流を確認したか。</t>
  </si>
  <si>
    <t>形式を確認したか。</t>
  </si>
  <si>
    <t>整流装置側及びバイパス側それぞれの電気方式、電圧及び周波数を確認したか。</t>
  </si>
  <si>
    <t>総合定格出力、電気方式、電圧、周波数及び力率を確認したか。</t>
  </si>
  <si>
    <t>方式及び盤形式を確認したか。</t>
  </si>
  <si>
    <t>種類、容量、収納形式、停電補償時間及び最低蓄電池温度を確認したか。</t>
  </si>
  <si>
    <t>方式、構成及び盤形式を確認したか。</t>
  </si>
  <si>
    <t>方式、機能及び盤形式を確認したか。</t>
  </si>
  <si>
    <t>配電盤</t>
  </si>
  <si>
    <t>形式、制御方式、種類、主遮断器定格電流及び定格遮断電流を確認したか。</t>
  </si>
  <si>
    <t>太陽電池アレイ</t>
  </si>
  <si>
    <t>局線中継台</t>
  </si>
  <si>
    <t>構造及び付加機能を確認したか。</t>
  </si>
  <si>
    <t>局線表示盤</t>
  </si>
  <si>
    <t>窓数を確認したか。</t>
  </si>
  <si>
    <t>本配線盤</t>
  </si>
  <si>
    <t>電源装置</t>
  </si>
  <si>
    <t>形状及び機能を確認したか。</t>
  </si>
  <si>
    <t>親時計</t>
  </si>
  <si>
    <t>形式、回線数及び組込機器を確認したか。</t>
  </si>
  <si>
    <t>増幅器</t>
  </si>
  <si>
    <t>スピーカ</t>
  </si>
  <si>
    <t>形式及び種類を確認したか。</t>
  </si>
  <si>
    <t>マイクロホン</t>
  </si>
  <si>
    <t>カラーテレビ・モニタ</t>
  </si>
  <si>
    <t>プロジェクタ</t>
  </si>
  <si>
    <t>切換装置</t>
  </si>
  <si>
    <t>スクリーン</t>
  </si>
  <si>
    <t>カラービデオカメラ</t>
  </si>
  <si>
    <t>出退表示盤</t>
  </si>
  <si>
    <t>情報表示盤</t>
  </si>
  <si>
    <t>インターホン</t>
  </si>
  <si>
    <t>根切り</t>
  </si>
  <si>
    <t>根切りの深さを確認したか。</t>
  </si>
  <si>
    <t>計画数量を図で記載したか。</t>
  </si>
  <si>
    <t>埋戻し</t>
  </si>
  <si>
    <t>根切り数量から山砂、砂利敷、捨コンクリート、埋設物などの体積を減じたか。（除く、200φ以下の配管及び複合単価ハンドホール。）</t>
  </si>
  <si>
    <t>残土処分</t>
  </si>
  <si>
    <t>処分場所を確認したか。</t>
  </si>
  <si>
    <t>コンクリート基礎</t>
  </si>
  <si>
    <t>　トイレ呼出表示器</t>
    <rPh sb="4" eb="6">
      <t>ヨビダシ</t>
    </rPh>
    <rPh sb="6" eb="9">
      <t>ヒョウジキ</t>
    </rPh>
    <phoneticPr fontId="6"/>
  </si>
  <si>
    <t>　受付呼出表示器</t>
    <rPh sb="1" eb="3">
      <t>ウケツケ</t>
    </rPh>
    <rPh sb="3" eb="5">
      <t>ヨビダシ</t>
    </rPh>
    <rPh sb="5" eb="7">
      <t>ヒョウジ</t>
    </rPh>
    <rPh sb="7" eb="8">
      <t>キ</t>
    </rPh>
    <phoneticPr fontId="6"/>
  </si>
  <si>
    <t>　操作部</t>
    <rPh sb="1" eb="4">
      <t>ソウサブ</t>
    </rPh>
    <phoneticPr fontId="6"/>
  </si>
  <si>
    <t>　管制盤</t>
    <rPh sb="1" eb="3">
      <t>カンセイ</t>
    </rPh>
    <rPh sb="3" eb="4">
      <t>バン</t>
    </rPh>
    <phoneticPr fontId="6"/>
  </si>
  <si>
    <t>　検知器</t>
    <rPh sb="1" eb="4">
      <t>ケンチキ</t>
    </rPh>
    <phoneticPr fontId="6"/>
  </si>
  <si>
    <t>　信号灯</t>
    <rPh sb="1" eb="3">
      <t>シンゴウ</t>
    </rPh>
    <rPh sb="3" eb="4">
      <t>トウ</t>
    </rPh>
    <phoneticPr fontId="6"/>
  </si>
  <si>
    <t>　警報灯</t>
    <rPh sb="1" eb="4">
      <t>ケイホウトウ</t>
    </rPh>
    <phoneticPr fontId="6"/>
  </si>
  <si>
    <t>　発券機</t>
    <rPh sb="1" eb="4">
      <t>ハッケンキ</t>
    </rPh>
    <phoneticPr fontId="6"/>
  </si>
  <si>
    <t>　防犯受信機</t>
    <rPh sb="1" eb="3">
      <t>ボウハン</t>
    </rPh>
    <rPh sb="3" eb="6">
      <t>ジュシンキ</t>
    </rPh>
    <phoneticPr fontId="6"/>
  </si>
  <si>
    <t>　自動通報機</t>
    <rPh sb="1" eb="3">
      <t>ジドウ</t>
    </rPh>
    <rPh sb="3" eb="5">
      <t>ツウホウ</t>
    </rPh>
    <rPh sb="5" eb="6">
      <t>キ</t>
    </rPh>
    <phoneticPr fontId="6"/>
  </si>
  <si>
    <t>　入退室管理装置</t>
    <rPh sb="1" eb="2">
      <t>イリ</t>
    </rPh>
    <rPh sb="2" eb="4">
      <t>タイシツ</t>
    </rPh>
    <rPh sb="4" eb="6">
      <t>カンリ</t>
    </rPh>
    <rPh sb="6" eb="8">
      <t>ソウチ</t>
    </rPh>
    <phoneticPr fontId="6"/>
  </si>
  <si>
    <t>　鍵管理ボックス</t>
    <rPh sb="1" eb="2">
      <t>カギ</t>
    </rPh>
    <rPh sb="2" eb="4">
      <t>カンリ</t>
    </rPh>
    <phoneticPr fontId="6"/>
  </si>
  <si>
    <t>　受信機</t>
    <rPh sb="1" eb="4">
      <t>ジュシンキ</t>
    </rPh>
    <phoneticPr fontId="6"/>
  </si>
  <si>
    <t>　副受信機</t>
    <rPh sb="1" eb="5">
      <t>フクジュシンキ</t>
    </rPh>
    <phoneticPr fontId="6"/>
  </si>
  <si>
    <t>　中継器盤</t>
    <rPh sb="1" eb="3">
      <t>チュウケイ</t>
    </rPh>
    <rPh sb="3" eb="4">
      <t>キ</t>
    </rPh>
    <rPh sb="4" eb="5">
      <t>バン</t>
    </rPh>
    <phoneticPr fontId="6"/>
  </si>
  <si>
    <t>　連動制御盤</t>
    <rPh sb="1" eb="3">
      <t>レンドウ</t>
    </rPh>
    <rPh sb="3" eb="6">
      <t>セイギョバン</t>
    </rPh>
    <phoneticPr fontId="6"/>
  </si>
  <si>
    <t>　ガス漏れ受信機</t>
    <rPh sb="3" eb="4">
      <t>モ</t>
    </rPh>
    <rPh sb="5" eb="8">
      <t>ジュシンキ</t>
    </rPh>
    <phoneticPr fontId="6"/>
  </si>
  <si>
    <t>　警報盤</t>
    <rPh sb="1" eb="3">
      <t>ケイホウ</t>
    </rPh>
    <rPh sb="3" eb="4">
      <t>バン</t>
    </rPh>
    <phoneticPr fontId="6"/>
  </si>
  <si>
    <t>ケーブルラック</t>
  </si>
  <si>
    <t>手元開閉器</t>
  </si>
  <si>
    <t>避雷導線</t>
  </si>
  <si>
    <t>接地極</t>
  </si>
  <si>
    <t>高低圧配電盤類</t>
  </si>
  <si>
    <t>交流発電機・原動機</t>
  </si>
  <si>
    <t>直流電源装置</t>
  </si>
  <si>
    <t>交流無停電電源装置</t>
  </si>
  <si>
    <t>本配線盤、端子盤類</t>
  </si>
  <si>
    <t>機器</t>
  </si>
  <si>
    <t>機器仕様書により、構造、形式、寸法、定格、性能、容量等を確認したか。</t>
  </si>
  <si>
    <t>工事区分</t>
  </si>
  <si>
    <t>動作形式、電源電圧及び電流等を確認したか。</t>
    <rPh sb="0" eb="2">
      <t>ドウサ</t>
    </rPh>
    <rPh sb="2" eb="4">
      <t>ケイシキ</t>
    </rPh>
    <rPh sb="5" eb="7">
      <t>デンゲン</t>
    </rPh>
    <rPh sb="7" eb="9">
      <t>デンアツ</t>
    </rPh>
    <rPh sb="9" eb="10">
      <t>オヨ</t>
    </rPh>
    <rPh sb="11" eb="13">
      <t>デンリュウ</t>
    </rPh>
    <rPh sb="13" eb="14">
      <t>トウ</t>
    </rPh>
    <rPh sb="15" eb="17">
      <t>カクニン</t>
    </rPh>
    <phoneticPr fontId="6"/>
  </si>
  <si>
    <t>仕様ごとに間違いなく数量が転記されているか。</t>
    <rPh sb="0" eb="2">
      <t>シヨウ</t>
    </rPh>
    <rPh sb="5" eb="7">
      <t>マチガ</t>
    </rPh>
    <rPh sb="10" eb="12">
      <t>スウリョウ</t>
    </rPh>
    <rPh sb="13" eb="15">
      <t>テンキ</t>
    </rPh>
    <phoneticPr fontId="6"/>
  </si>
  <si>
    <t>（a）自動火災報知</t>
    <rPh sb="3" eb="7">
      <t>ジドウカサイ</t>
    </rPh>
    <rPh sb="7" eb="9">
      <t>ホウチ</t>
    </rPh>
    <phoneticPr fontId="6"/>
  </si>
  <si>
    <t>接地極の規格、数量について確認したか。</t>
    <rPh sb="4" eb="6">
      <t>キカク</t>
    </rPh>
    <rPh sb="7" eb="9">
      <t>スウリョウ</t>
    </rPh>
    <phoneticPr fontId="6"/>
  </si>
  <si>
    <t>埋設深さを確認したか。</t>
    <rPh sb="0" eb="2">
      <t>マイセツ</t>
    </rPh>
    <rPh sb="2" eb="3">
      <t>フカ</t>
    </rPh>
    <rPh sb="5" eb="7">
      <t>カクニン</t>
    </rPh>
    <phoneticPr fontId="6"/>
  </si>
  <si>
    <t>機器への接続</t>
    <rPh sb="0" eb="2">
      <t>キキ</t>
    </rPh>
    <rPh sb="4" eb="6">
      <t>セツゾク</t>
    </rPh>
    <phoneticPr fontId="8"/>
  </si>
  <si>
    <t>電線管配線でボンディングを計上したか。</t>
    <rPh sb="0" eb="2">
      <t>デンセン</t>
    </rPh>
    <rPh sb="2" eb="3">
      <t>カン</t>
    </rPh>
    <rPh sb="3" eb="5">
      <t>ハイセン</t>
    </rPh>
    <rPh sb="13" eb="15">
      <t>ケイジョウ</t>
    </rPh>
    <phoneticPr fontId="8"/>
  </si>
  <si>
    <t>保護管</t>
    <rPh sb="0" eb="3">
      <t>ホゴカン</t>
    </rPh>
    <phoneticPr fontId="8"/>
  </si>
  <si>
    <t>始動盤・配電盤</t>
  </si>
  <si>
    <t>確認</t>
  </si>
  <si>
    <t>チェック項目</t>
  </si>
  <si>
    <t>チェック内容</t>
  </si>
  <si>
    <t>▼</t>
  </si>
  <si>
    <t>余幅等の値は適正に計上したか。</t>
    <rPh sb="2" eb="3">
      <t>トウ</t>
    </rPh>
    <rPh sb="4" eb="5">
      <t>アタイ</t>
    </rPh>
    <rPh sb="6" eb="8">
      <t>テキセイ</t>
    </rPh>
    <rPh sb="9" eb="11">
      <t>ケイジョウ</t>
    </rPh>
    <phoneticPr fontId="6"/>
  </si>
  <si>
    <t>指定された幹線分岐材料を計上したか。</t>
  </si>
  <si>
    <t>　監視操作装置</t>
    <rPh sb="1" eb="3">
      <t>カンシ</t>
    </rPh>
    <rPh sb="3" eb="5">
      <t>ソウサ</t>
    </rPh>
    <rPh sb="5" eb="7">
      <t>ソウチ</t>
    </rPh>
    <phoneticPr fontId="6"/>
  </si>
  <si>
    <t>　信号処理装置</t>
    <rPh sb="1" eb="3">
      <t>シンゴウ</t>
    </rPh>
    <rPh sb="3" eb="5">
      <t>ショリ</t>
    </rPh>
    <rPh sb="5" eb="7">
      <t>ソウチ</t>
    </rPh>
    <phoneticPr fontId="6"/>
  </si>
  <si>
    <t>　記録装置</t>
    <rPh sb="1" eb="3">
      <t>キロク</t>
    </rPh>
    <rPh sb="3" eb="5">
      <t>ソウチ</t>
    </rPh>
    <phoneticPr fontId="6"/>
  </si>
  <si>
    <t>　補助盤</t>
    <rPh sb="1" eb="3">
      <t>ホジョ</t>
    </rPh>
    <rPh sb="3" eb="4">
      <t>バン</t>
    </rPh>
    <phoneticPr fontId="6"/>
  </si>
  <si>
    <t>土工事は計上されているか。</t>
    <rPh sb="0" eb="3">
      <t>ドコウジ</t>
    </rPh>
    <rPh sb="4" eb="6">
      <t>ケイジョウ</t>
    </rPh>
    <phoneticPr fontId="6"/>
  </si>
  <si>
    <t>　外灯</t>
    <rPh sb="1" eb="3">
      <t>ガイトウ</t>
    </rPh>
    <phoneticPr fontId="6"/>
  </si>
  <si>
    <t>基礎は計上されているか。</t>
    <rPh sb="0" eb="2">
      <t>キソ</t>
    </rPh>
    <rPh sb="3" eb="5">
      <t>ケイジョウ</t>
    </rPh>
    <phoneticPr fontId="6"/>
  </si>
  <si>
    <t>　監視カメラ</t>
    <rPh sb="1" eb="3">
      <t>カンシ</t>
    </rPh>
    <phoneticPr fontId="6"/>
  </si>
  <si>
    <t>一般事項</t>
    <rPh sb="0" eb="2">
      <t>イッパン</t>
    </rPh>
    <rPh sb="2" eb="4">
      <t>ジコウ</t>
    </rPh>
    <phoneticPr fontId="6"/>
  </si>
  <si>
    <t>各設備項目ごとに計上したか。</t>
    <rPh sb="0" eb="1">
      <t>カク</t>
    </rPh>
    <rPh sb="1" eb="3">
      <t>セツビ</t>
    </rPh>
    <rPh sb="3" eb="5">
      <t>コウモク</t>
    </rPh>
    <rPh sb="8" eb="10">
      <t>ケイジョウ</t>
    </rPh>
    <phoneticPr fontId="6"/>
  </si>
  <si>
    <t>回路番号、供給室名、配線用遮断器などの定格電流、負荷容量、回路電圧、単位装置（操作・制御方式、操作制御スイッチ、保護継電器）、監視制御項目（操作、状態、故障、警報の表示）を確認したか。</t>
    <rPh sb="2" eb="4">
      <t>バンゴウ</t>
    </rPh>
    <rPh sb="5" eb="7">
      <t>キョウキュウ</t>
    </rPh>
    <rPh sb="7" eb="8">
      <t>シツ</t>
    </rPh>
    <rPh sb="8" eb="9">
      <t>メイ</t>
    </rPh>
    <rPh sb="10" eb="13">
      <t>ハイセンヨウ</t>
    </rPh>
    <rPh sb="13" eb="16">
      <t>シャダンキ</t>
    </rPh>
    <rPh sb="19" eb="21">
      <t>テイカク</t>
    </rPh>
    <rPh sb="21" eb="23">
      <t>デンリュウ</t>
    </rPh>
    <rPh sb="29" eb="31">
      <t>カイロ</t>
    </rPh>
    <rPh sb="31" eb="33">
      <t>デンアツ</t>
    </rPh>
    <rPh sb="70" eb="72">
      <t>ソウサ</t>
    </rPh>
    <rPh sb="73" eb="75">
      <t>ジョウタイ</t>
    </rPh>
    <rPh sb="76" eb="78">
      <t>コショウ</t>
    </rPh>
    <rPh sb="79" eb="81">
      <t>ケイホウ</t>
    </rPh>
    <rPh sb="82" eb="84">
      <t>ヒョウジ</t>
    </rPh>
    <phoneticPr fontId="6"/>
  </si>
  <si>
    <t>旋回装置</t>
    <rPh sb="0" eb="2">
      <t>センカイ</t>
    </rPh>
    <rPh sb="2" eb="4">
      <t>ソウチ</t>
    </rPh>
    <phoneticPr fontId="6"/>
  </si>
  <si>
    <t>制御装置</t>
    <rPh sb="0" eb="2">
      <t>セイギョ</t>
    </rPh>
    <rPh sb="2" eb="4">
      <t>ソウチ</t>
    </rPh>
    <phoneticPr fontId="6"/>
  </si>
  <si>
    <t>映像切換器</t>
    <rPh sb="0" eb="2">
      <t>エイゾウ</t>
    </rPh>
    <rPh sb="2" eb="5">
      <t>キリカエキ</t>
    </rPh>
    <phoneticPr fontId="6"/>
  </si>
  <si>
    <t>画面分割装置</t>
    <rPh sb="0" eb="2">
      <t>ガメン</t>
    </rPh>
    <rPh sb="2" eb="4">
      <t>ブンカツ</t>
    </rPh>
    <rPh sb="4" eb="6">
      <t>ソウチ</t>
    </rPh>
    <phoneticPr fontId="6"/>
  </si>
  <si>
    <t>屋内外の別、水平・垂直旋回角度及び旋回速度を確認したか。</t>
    <rPh sb="0" eb="3">
      <t>オクナイガイ</t>
    </rPh>
    <rPh sb="4" eb="5">
      <t>ベツ</t>
    </rPh>
    <rPh sb="6" eb="8">
      <t>スイヘイ</t>
    </rPh>
    <rPh sb="9" eb="11">
      <t>スイチョク</t>
    </rPh>
    <rPh sb="11" eb="13">
      <t>センカイ</t>
    </rPh>
    <rPh sb="13" eb="15">
      <t>カクド</t>
    </rPh>
    <rPh sb="15" eb="16">
      <t>オヨ</t>
    </rPh>
    <rPh sb="17" eb="19">
      <t>センカイ</t>
    </rPh>
    <rPh sb="19" eb="21">
      <t>ソクド</t>
    </rPh>
    <rPh sb="22" eb="24">
      <t>カクニン</t>
    </rPh>
    <phoneticPr fontId="6"/>
  </si>
  <si>
    <t>屋内外の別、ワイパー・デフロスター・ヒーター及びファンの有無を確認したか。</t>
    <rPh sb="0" eb="3">
      <t>オクナイガイ</t>
    </rPh>
    <rPh sb="4" eb="5">
      <t>ベツ</t>
    </rPh>
    <rPh sb="22" eb="23">
      <t>オヨ</t>
    </rPh>
    <rPh sb="28" eb="30">
      <t>ウム</t>
    </rPh>
    <rPh sb="31" eb="33">
      <t>カクニン</t>
    </rPh>
    <phoneticPr fontId="6"/>
  </si>
  <si>
    <t>電気方式、電圧、周波数、回転数、定格出力及び力率を確認したか。</t>
    <rPh sb="16" eb="18">
      <t>テイカク</t>
    </rPh>
    <rPh sb="18" eb="20">
      <t>シュツリョク</t>
    </rPh>
    <phoneticPr fontId="6"/>
  </si>
  <si>
    <t>種別、定格出力、始動方式、冷却方式及び過給方式を確認したか。</t>
    <rPh sb="17" eb="18">
      <t>オヨ</t>
    </rPh>
    <phoneticPr fontId="6"/>
  </si>
  <si>
    <t>形式、付属品及び給気ファン仕様を確認したか。</t>
    <rPh sb="0" eb="2">
      <t>ケイシキ</t>
    </rPh>
    <rPh sb="3" eb="6">
      <t>フゾクヒン</t>
    </rPh>
    <rPh sb="6" eb="7">
      <t>オヨ</t>
    </rPh>
    <rPh sb="8" eb="10">
      <t>キュウキ</t>
    </rPh>
    <rPh sb="13" eb="15">
      <t>シヨウ</t>
    </rPh>
    <rPh sb="16" eb="18">
      <t>カクニン</t>
    </rPh>
    <phoneticPr fontId="6"/>
  </si>
  <si>
    <t>形式、定格容量、出力電気方式、周波数、系統連系方式及び周囲温度条件を確認したか。</t>
    <rPh sb="0" eb="2">
      <t>ケイシキ</t>
    </rPh>
    <rPh sb="10" eb="12">
      <t>デンキ</t>
    </rPh>
    <rPh sb="12" eb="14">
      <t>ホウシキ</t>
    </rPh>
    <rPh sb="15" eb="18">
      <t>シュウハスウ</t>
    </rPh>
    <rPh sb="19" eb="21">
      <t>ケイトウ</t>
    </rPh>
    <rPh sb="21" eb="22">
      <t>レン</t>
    </rPh>
    <rPh sb="22" eb="23">
      <t>ケイ</t>
    </rPh>
    <rPh sb="23" eb="25">
      <t>ホウシキ</t>
    </rPh>
    <rPh sb="27" eb="29">
      <t>シュウイ</t>
    </rPh>
    <rPh sb="29" eb="31">
      <t>オンド</t>
    </rPh>
    <rPh sb="31" eb="33">
      <t>ジョウケン</t>
    </rPh>
    <phoneticPr fontId="6"/>
  </si>
  <si>
    <t>設置の有無を確認したか。</t>
    <rPh sb="0" eb="2">
      <t>セッチ</t>
    </rPh>
    <rPh sb="3" eb="5">
      <t>ウム</t>
    </rPh>
    <rPh sb="6" eb="8">
      <t>カクニン</t>
    </rPh>
    <phoneticPr fontId="6"/>
  </si>
  <si>
    <t>架台</t>
    <rPh sb="0" eb="2">
      <t>カダイ</t>
    </rPh>
    <phoneticPr fontId="6"/>
  </si>
  <si>
    <t>表示方式及び形状を確認したか。</t>
    <rPh sb="0" eb="2">
      <t>ヒョウジ</t>
    </rPh>
    <rPh sb="2" eb="4">
      <t>ホウシキ</t>
    </rPh>
    <rPh sb="4" eb="5">
      <t>オヨ</t>
    </rPh>
    <rPh sb="6" eb="8">
      <t>ケイジョウ</t>
    </rPh>
    <rPh sb="9" eb="11">
      <t>カクニン</t>
    </rPh>
    <phoneticPr fontId="6"/>
  </si>
  <si>
    <t>仕様を確認したか。</t>
    <rPh sb="0" eb="2">
      <t>シヨウ</t>
    </rPh>
    <rPh sb="3" eb="5">
      <t>カクニン</t>
    </rPh>
    <phoneticPr fontId="6"/>
  </si>
  <si>
    <t>ネットワーク管理装置</t>
    <rPh sb="6" eb="8">
      <t>カンリ</t>
    </rPh>
    <rPh sb="8" eb="10">
      <t>ソウチ</t>
    </rPh>
    <phoneticPr fontId="6"/>
  </si>
  <si>
    <t>インターフェース、ポート数、処理能力、バックプレーン容量及び機能を確認したか。</t>
    <rPh sb="12" eb="13">
      <t>スウ</t>
    </rPh>
    <rPh sb="14" eb="16">
      <t>ショリ</t>
    </rPh>
    <rPh sb="16" eb="18">
      <t>ノウリョク</t>
    </rPh>
    <rPh sb="26" eb="28">
      <t>ヨウリョウ</t>
    </rPh>
    <rPh sb="28" eb="29">
      <t>オヨ</t>
    </rPh>
    <rPh sb="30" eb="32">
      <t>キノウ</t>
    </rPh>
    <rPh sb="33" eb="35">
      <t>カクニン</t>
    </rPh>
    <phoneticPr fontId="6"/>
  </si>
  <si>
    <t>インターフェース、ポート数及び機能を確認したか。</t>
    <rPh sb="12" eb="13">
      <t>スウ</t>
    </rPh>
    <rPh sb="13" eb="14">
      <t>オヨ</t>
    </rPh>
    <rPh sb="15" eb="17">
      <t>キノウ</t>
    </rPh>
    <rPh sb="18" eb="20">
      <t>カクニン</t>
    </rPh>
    <phoneticPr fontId="6"/>
  </si>
  <si>
    <t>ハードウェア仕様、OS仕様その他必要な機能を確認したか。</t>
    <rPh sb="6" eb="8">
      <t>シヨウ</t>
    </rPh>
    <rPh sb="11" eb="13">
      <t>シヨウ</t>
    </rPh>
    <rPh sb="15" eb="16">
      <t>タ</t>
    </rPh>
    <rPh sb="16" eb="18">
      <t>ヒツヨウ</t>
    </rPh>
    <rPh sb="19" eb="21">
      <t>キノウ</t>
    </rPh>
    <rPh sb="22" eb="24">
      <t>カクニン</t>
    </rPh>
    <phoneticPr fontId="6"/>
  </si>
  <si>
    <t>光パッチパネル</t>
    <rPh sb="0" eb="1">
      <t>ヒカリ</t>
    </rPh>
    <phoneticPr fontId="6"/>
  </si>
  <si>
    <t>材質及び参考寸法を確認したか。</t>
    <rPh sb="0" eb="2">
      <t>ザイシツ</t>
    </rPh>
    <rPh sb="2" eb="3">
      <t>オヨ</t>
    </rPh>
    <rPh sb="4" eb="6">
      <t>サンコウ</t>
    </rPh>
    <rPh sb="6" eb="8">
      <t>スンポウ</t>
    </rPh>
    <rPh sb="9" eb="11">
      <t>カクニン</t>
    </rPh>
    <phoneticPr fontId="6"/>
  </si>
  <si>
    <t>（a）直流電源</t>
    <rPh sb="3" eb="5">
      <t>チョクリュウ</t>
    </rPh>
    <rPh sb="5" eb="7">
      <t>デンゲン</t>
    </rPh>
    <phoneticPr fontId="6"/>
  </si>
  <si>
    <t>形式、端子種類及び端子数を確認したか。</t>
    <rPh sb="5" eb="7">
      <t>シュルイ</t>
    </rPh>
    <rPh sb="7" eb="8">
      <t>オヨ</t>
    </rPh>
    <rPh sb="9" eb="12">
      <t>タンシスウ</t>
    </rPh>
    <phoneticPr fontId="6"/>
  </si>
  <si>
    <t>操作制御部</t>
    <rPh sb="0" eb="2">
      <t>ソウサ</t>
    </rPh>
    <rPh sb="2" eb="5">
      <t>セイギョブ</t>
    </rPh>
    <phoneticPr fontId="6"/>
  </si>
  <si>
    <t>ハードウェア仕様その他必要な機能を確認したか。</t>
    <rPh sb="6" eb="8">
      <t>シヨウ</t>
    </rPh>
    <rPh sb="10" eb="11">
      <t>タ</t>
    </rPh>
    <rPh sb="11" eb="13">
      <t>ヒツヨウ</t>
    </rPh>
    <rPh sb="14" eb="16">
      <t>キノウ</t>
    </rPh>
    <rPh sb="17" eb="19">
      <t>カクニン</t>
    </rPh>
    <phoneticPr fontId="6"/>
  </si>
  <si>
    <t>（b）出退表示</t>
    <rPh sb="3" eb="5">
      <t>シュッタイ</t>
    </rPh>
    <rPh sb="5" eb="7">
      <t>ヒョウジ</t>
    </rPh>
    <phoneticPr fontId="6"/>
  </si>
  <si>
    <t>（c）時刻表示</t>
    <rPh sb="3" eb="5">
      <t>ジコク</t>
    </rPh>
    <rPh sb="5" eb="7">
      <t>ヒョウジ</t>
    </rPh>
    <phoneticPr fontId="6"/>
  </si>
  <si>
    <t>子時計</t>
    <rPh sb="0" eb="3">
      <t>コドケイ</t>
    </rPh>
    <phoneticPr fontId="6"/>
  </si>
  <si>
    <t>投写方式、映像信号の種別・接続数、接続条件その他必要な機能を確認したか。</t>
    <rPh sb="5" eb="7">
      <t>エイゾウ</t>
    </rPh>
    <rPh sb="7" eb="9">
      <t>シンゴウ</t>
    </rPh>
    <rPh sb="10" eb="12">
      <t>シュベツ</t>
    </rPh>
    <rPh sb="13" eb="15">
      <t>セツゾク</t>
    </rPh>
    <rPh sb="15" eb="16">
      <t>スウ</t>
    </rPh>
    <rPh sb="17" eb="19">
      <t>セツゾク</t>
    </rPh>
    <rPh sb="19" eb="21">
      <t>ジョウケン</t>
    </rPh>
    <rPh sb="23" eb="24">
      <t>タ</t>
    </rPh>
    <rPh sb="24" eb="26">
      <t>ヒツヨウ</t>
    </rPh>
    <rPh sb="27" eb="29">
      <t>キノウ</t>
    </rPh>
    <phoneticPr fontId="6"/>
  </si>
  <si>
    <t>形式、サイズその他必要な機能を確認したか。</t>
    <rPh sb="1" eb="2">
      <t>シキ</t>
    </rPh>
    <rPh sb="8" eb="9">
      <t>タ</t>
    </rPh>
    <rPh sb="9" eb="11">
      <t>ヒツヨウ</t>
    </rPh>
    <rPh sb="12" eb="14">
      <t>キノウ</t>
    </rPh>
    <phoneticPr fontId="6"/>
  </si>
  <si>
    <t>操作卓</t>
    <rPh sb="0" eb="3">
      <t>ソウサタク</t>
    </rPh>
    <phoneticPr fontId="6"/>
  </si>
  <si>
    <t>材質、仕上げ及び組込機器の種類を確認したか。</t>
    <rPh sb="0" eb="2">
      <t>ザイシツ</t>
    </rPh>
    <rPh sb="3" eb="5">
      <t>シア</t>
    </rPh>
    <rPh sb="6" eb="7">
      <t>オヨ</t>
    </rPh>
    <rPh sb="8" eb="10">
      <t>クミコミ</t>
    </rPh>
    <rPh sb="10" eb="12">
      <t>キキ</t>
    </rPh>
    <rPh sb="13" eb="15">
      <t>シュルイ</t>
    </rPh>
    <rPh sb="16" eb="18">
      <t>カクニン</t>
    </rPh>
    <phoneticPr fontId="6"/>
  </si>
  <si>
    <t>映像・音響信号種別、入出力端子数及び接続条件を確認したか。</t>
    <rPh sb="0" eb="2">
      <t>エイゾウ</t>
    </rPh>
    <rPh sb="3" eb="5">
      <t>オンキョウ</t>
    </rPh>
    <rPh sb="5" eb="7">
      <t>シンゴウ</t>
    </rPh>
    <rPh sb="7" eb="9">
      <t>シュベツ</t>
    </rPh>
    <phoneticPr fontId="6"/>
  </si>
  <si>
    <t>表示方式、画面形状、サイズ及び入出力信号種別・端子数を確認したか。</t>
    <rPh sb="0" eb="2">
      <t>ヒョウジ</t>
    </rPh>
    <rPh sb="2" eb="4">
      <t>ホウシキ</t>
    </rPh>
    <rPh sb="16" eb="17">
      <t>シュツ</t>
    </rPh>
    <rPh sb="18" eb="20">
      <t>シンゴウ</t>
    </rPh>
    <rPh sb="20" eb="22">
      <t>シュベツ</t>
    </rPh>
    <rPh sb="25" eb="26">
      <t>スウ</t>
    </rPh>
    <phoneticPr fontId="6"/>
  </si>
  <si>
    <t>形式、種別、定格出力、入出力回線数、出力制御、付加機能その他必要な機能を確認したか。</t>
    <rPh sb="29" eb="30">
      <t>タ</t>
    </rPh>
    <rPh sb="30" eb="32">
      <t>ヒツヨウ</t>
    </rPh>
    <rPh sb="33" eb="35">
      <t>キノウ</t>
    </rPh>
    <phoneticPr fontId="6"/>
  </si>
  <si>
    <t>形式、指向性パターン及びマイクスタンドの有無を確認したか。</t>
    <rPh sb="3" eb="6">
      <t>シコウセイ</t>
    </rPh>
    <phoneticPr fontId="6"/>
  </si>
  <si>
    <t>（a）誘導支援</t>
    <rPh sb="3" eb="5">
      <t>ユウドウ</t>
    </rPh>
    <rPh sb="5" eb="7">
      <t>シエン</t>
    </rPh>
    <phoneticPr fontId="6"/>
  </si>
  <si>
    <t>検出部</t>
    <rPh sb="0" eb="2">
      <t>ケンシュツ</t>
    </rPh>
    <rPh sb="2" eb="3">
      <t>ブ</t>
    </rPh>
    <phoneticPr fontId="6"/>
  </si>
  <si>
    <t>制御部</t>
    <rPh sb="0" eb="3">
      <t>セイギョブ</t>
    </rPh>
    <phoneticPr fontId="6"/>
  </si>
  <si>
    <t>案内表示部</t>
    <rPh sb="0" eb="2">
      <t>アンナイ</t>
    </rPh>
    <rPh sb="2" eb="4">
      <t>ヒョウジ</t>
    </rPh>
    <rPh sb="4" eb="5">
      <t>ブ</t>
    </rPh>
    <phoneticPr fontId="6"/>
  </si>
  <si>
    <t>検出方式、形式その他必要な機能を確認したか。</t>
    <rPh sb="0" eb="2">
      <t>ケンシュツ</t>
    </rPh>
    <rPh sb="2" eb="4">
      <t>ホウシキ</t>
    </rPh>
    <rPh sb="5" eb="7">
      <t>ケイシキ</t>
    </rPh>
    <rPh sb="9" eb="10">
      <t>タ</t>
    </rPh>
    <rPh sb="10" eb="12">
      <t>ヒツヨウ</t>
    </rPh>
    <rPh sb="13" eb="15">
      <t>キノウ</t>
    </rPh>
    <rPh sb="16" eb="18">
      <t>カクニン</t>
    </rPh>
    <phoneticPr fontId="6"/>
  </si>
  <si>
    <t>屋内外の別、形式、音声案内制御その他必要な機能を確認したか。</t>
    <rPh sb="0" eb="3">
      <t>オクナイガイ</t>
    </rPh>
    <rPh sb="4" eb="5">
      <t>ベツ</t>
    </rPh>
    <rPh sb="6" eb="8">
      <t>ケイシキ</t>
    </rPh>
    <rPh sb="9" eb="11">
      <t>オンセイ</t>
    </rPh>
    <rPh sb="11" eb="13">
      <t>アンナイ</t>
    </rPh>
    <rPh sb="13" eb="15">
      <t>セイギョ</t>
    </rPh>
    <rPh sb="17" eb="18">
      <t>タ</t>
    </rPh>
    <rPh sb="18" eb="20">
      <t>ヒツヨウ</t>
    </rPh>
    <rPh sb="21" eb="23">
      <t>キノウ</t>
    </rPh>
    <rPh sb="24" eb="26">
      <t>カクニン</t>
    </rPh>
    <phoneticPr fontId="6"/>
  </si>
  <si>
    <t>その他</t>
    <rPh sb="2" eb="3">
      <t>タ</t>
    </rPh>
    <phoneticPr fontId="7"/>
  </si>
  <si>
    <t>分電盤</t>
    <rPh sb="0" eb="3">
      <t>ブンデンバン</t>
    </rPh>
    <phoneticPr fontId="6"/>
  </si>
  <si>
    <t>制御盤</t>
    <rPh sb="0" eb="3">
      <t>セイギョバン</t>
    </rPh>
    <phoneticPr fontId="6"/>
  </si>
  <si>
    <t>太陽電池架台</t>
    <rPh sb="0" eb="2">
      <t>タイヨウ</t>
    </rPh>
    <rPh sb="2" eb="4">
      <t>デンチ</t>
    </rPh>
    <rPh sb="4" eb="6">
      <t>カダイ</t>
    </rPh>
    <phoneticPr fontId="6"/>
  </si>
  <si>
    <t>　照明器具</t>
    <rPh sb="1" eb="3">
      <t>ショウメイ</t>
    </rPh>
    <rPh sb="3" eb="5">
      <t>キグ</t>
    </rPh>
    <phoneticPr fontId="6"/>
  </si>
  <si>
    <t>　照明制御盤</t>
    <rPh sb="1" eb="3">
      <t>ショウメイ</t>
    </rPh>
    <rPh sb="3" eb="6">
      <t>セイギョバン</t>
    </rPh>
    <phoneticPr fontId="6"/>
  </si>
  <si>
    <t>　動力制御盤</t>
    <rPh sb="1" eb="3">
      <t>ドウリョク</t>
    </rPh>
    <rPh sb="3" eb="6">
      <t>セイギョバン</t>
    </rPh>
    <phoneticPr fontId="8"/>
  </si>
  <si>
    <t>　制御盤</t>
    <rPh sb="1" eb="4">
      <t>セイギョバン</t>
    </rPh>
    <phoneticPr fontId="6"/>
  </si>
  <si>
    <t>親時計</t>
    <rPh sb="0" eb="1">
      <t>オヤ</t>
    </rPh>
    <rPh sb="1" eb="3">
      <t>ドケイ</t>
    </rPh>
    <phoneticPr fontId="8"/>
  </si>
  <si>
    <t>子時計</t>
    <rPh sb="0" eb="3">
      <t>コドケイ</t>
    </rPh>
    <phoneticPr fontId="7"/>
  </si>
  <si>
    <t>増幅器</t>
    <rPh sb="0" eb="3">
      <t>ゾウフクキ</t>
    </rPh>
    <phoneticPr fontId="8"/>
  </si>
  <si>
    <t>CATV対応機器</t>
    <rPh sb="4" eb="6">
      <t>タイオウ</t>
    </rPh>
    <rPh sb="6" eb="8">
      <t>キキ</t>
    </rPh>
    <phoneticPr fontId="8"/>
  </si>
  <si>
    <t>舗装の有無を確認したか。</t>
    <rPh sb="3" eb="5">
      <t>ウム</t>
    </rPh>
    <rPh sb="6" eb="8">
      <t>カクニン</t>
    </rPh>
    <phoneticPr fontId="6"/>
  </si>
  <si>
    <t>アンテナ</t>
  </si>
  <si>
    <t>機器収容箱</t>
  </si>
  <si>
    <t>受信機</t>
  </si>
  <si>
    <t>感知器</t>
  </si>
  <si>
    <t>発信機</t>
  </si>
  <si>
    <t>その他機器</t>
  </si>
  <si>
    <t>検知器</t>
  </si>
  <si>
    <t>電柱、支線柱、支柱</t>
  </si>
  <si>
    <t>架線、引込線</t>
  </si>
  <si>
    <t>引込開閉器等</t>
  </si>
  <si>
    <t>PAS、UGS等の仕様を確認したか。</t>
  </si>
  <si>
    <t>保安器</t>
  </si>
  <si>
    <t>保安器設置の有無を確認したか。</t>
  </si>
  <si>
    <t>集計</t>
  </si>
  <si>
    <t>各階集計によるバランスを確認したか。</t>
  </si>
  <si>
    <t>バランスがあわない場合の理由を整理したか。</t>
  </si>
  <si>
    <t>工事種目</t>
    <rPh sb="0" eb="2">
      <t>コウジ</t>
    </rPh>
    <rPh sb="2" eb="4">
      <t>シュモク</t>
    </rPh>
    <phoneticPr fontId="7"/>
  </si>
  <si>
    <t>工事科目</t>
    <rPh sb="0" eb="2">
      <t>コウジ</t>
    </rPh>
    <rPh sb="2" eb="4">
      <t>カモク</t>
    </rPh>
    <phoneticPr fontId="7"/>
  </si>
  <si>
    <t>集計表の数量と違いがないか確認したか。</t>
    <rPh sb="0" eb="2">
      <t>シュウケイ</t>
    </rPh>
    <rPh sb="2" eb="3">
      <t>ヒョウ</t>
    </rPh>
    <rPh sb="4" eb="6">
      <t>スウリョウ</t>
    </rPh>
    <rPh sb="7" eb="8">
      <t>チガ</t>
    </rPh>
    <rPh sb="13" eb="15">
      <t>カクニン</t>
    </rPh>
    <phoneticPr fontId="7"/>
  </si>
  <si>
    <t>工事別紙明細</t>
    <rPh sb="0" eb="2">
      <t>コウジ</t>
    </rPh>
    <rPh sb="2" eb="4">
      <t>ベッシ</t>
    </rPh>
    <rPh sb="4" eb="6">
      <t>メイサイ</t>
    </rPh>
    <phoneticPr fontId="7"/>
  </si>
  <si>
    <t>代価表</t>
    <rPh sb="0" eb="2">
      <t>ダイカ</t>
    </rPh>
    <rPh sb="2" eb="3">
      <t>ヒョウ</t>
    </rPh>
    <phoneticPr fontId="7"/>
  </si>
  <si>
    <t>集計表</t>
    <rPh sb="0" eb="2">
      <t>シュウケイ</t>
    </rPh>
    <rPh sb="2" eb="3">
      <t>ヒョウ</t>
    </rPh>
    <phoneticPr fontId="7"/>
  </si>
  <si>
    <t>拾い書</t>
    <rPh sb="0" eb="1">
      <t>ヒロ</t>
    </rPh>
    <rPh sb="2" eb="3">
      <t>ショ</t>
    </rPh>
    <phoneticPr fontId="7"/>
  </si>
  <si>
    <t>図面照合</t>
    <rPh sb="0" eb="2">
      <t>ズメン</t>
    </rPh>
    <rPh sb="2" eb="4">
      <t>ショウゴウ</t>
    </rPh>
    <phoneticPr fontId="7"/>
  </si>
  <si>
    <t>配管</t>
    <rPh sb="0" eb="2">
      <t>ハイカン</t>
    </rPh>
    <phoneticPr fontId="6"/>
  </si>
  <si>
    <t>金属線ぴ</t>
    <rPh sb="0" eb="2">
      <t>キンゾク</t>
    </rPh>
    <rPh sb="2" eb="3">
      <t>セン</t>
    </rPh>
    <phoneticPr fontId="6"/>
  </si>
  <si>
    <t>（ｂ）出退表示装置</t>
    <rPh sb="3" eb="5">
      <t>シュッタイ</t>
    </rPh>
    <rPh sb="5" eb="7">
      <t>ヒョウジ</t>
    </rPh>
    <rPh sb="7" eb="9">
      <t>ソウチ</t>
    </rPh>
    <phoneticPr fontId="6"/>
  </si>
  <si>
    <t>桁間違え、転記の段ずれが無いか確認したか。</t>
    <rPh sb="0" eb="1">
      <t>ケタ</t>
    </rPh>
    <rPh sb="1" eb="3">
      <t>マチガ</t>
    </rPh>
    <rPh sb="5" eb="7">
      <t>テンキ</t>
    </rPh>
    <rPh sb="8" eb="9">
      <t>ダン</t>
    </rPh>
    <rPh sb="12" eb="13">
      <t>ナ</t>
    </rPh>
    <rPh sb="15" eb="17">
      <t>カクニン</t>
    </rPh>
    <phoneticPr fontId="6"/>
  </si>
  <si>
    <t>（ｃ）時刻表示装置</t>
    <rPh sb="3" eb="5">
      <t>ジコク</t>
    </rPh>
    <rPh sb="5" eb="7">
      <t>ヒョウジ</t>
    </rPh>
    <rPh sb="7" eb="9">
      <t>ソウチ</t>
    </rPh>
    <phoneticPr fontId="6"/>
  </si>
  <si>
    <t>機器類</t>
  </si>
  <si>
    <t>（９）拡声装置</t>
    <rPh sb="3" eb="5">
      <t>カクセイ</t>
    </rPh>
    <rPh sb="5" eb="7">
      <t>ソウチ</t>
    </rPh>
    <phoneticPr fontId="6"/>
  </si>
  <si>
    <t>（10）誘導支援設備</t>
    <rPh sb="4" eb="6">
      <t>ユウドウ</t>
    </rPh>
    <rPh sb="6" eb="8">
      <t>シエン</t>
    </rPh>
    <rPh sb="8" eb="10">
      <t>セツビ</t>
    </rPh>
    <phoneticPr fontId="6"/>
  </si>
  <si>
    <t>（ａ）誘導支援装置</t>
    <rPh sb="3" eb="5">
      <t>ユウドウ</t>
    </rPh>
    <rPh sb="5" eb="7">
      <t>シエン</t>
    </rPh>
    <rPh sb="7" eb="9">
      <t>ソウチ</t>
    </rPh>
    <phoneticPr fontId="6"/>
  </si>
  <si>
    <t>音声誘導装置</t>
    <rPh sb="0" eb="2">
      <t>オンセイ</t>
    </rPh>
    <rPh sb="2" eb="4">
      <t>ユウドウ</t>
    </rPh>
    <rPh sb="4" eb="6">
      <t>ソウチ</t>
    </rPh>
    <phoneticPr fontId="7"/>
  </si>
  <si>
    <t>（ｄ）受付呼出装置</t>
    <rPh sb="3" eb="5">
      <t>ウケツケ</t>
    </rPh>
    <rPh sb="5" eb="7">
      <t>ヨビダシ</t>
    </rPh>
    <rPh sb="7" eb="9">
      <t>ソウチ</t>
    </rPh>
    <phoneticPr fontId="6"/>
  </si>
  <si>
    <t>受付呼出装置</t>
    <rPh sb="0" eb="2">
      <t>ウケツケ</t>
    </rPh>
    <phoneticPr fontId="7"/>
  </si>
  <si>
    <t>（14）防犯・入退室管理設備</t>
    <rPh sb="4" eb="6">
      <t>ボウハン</t>
    </rPh>
    <rPh sb="7" eb="8">
      <t>ニュウ</t>
    </rPh>
    <rPh sb="8" eb="10">
      <t>タイシツ</t>
    </rPh>
    <rPh sb="10" eb="12">
      <t>カンリ</t>
    </rPh>
    <rPh sb="12" eb="14">
      <t>セツビ</t>
    </rPh>
    <phoneticPr fontId="8"/>
  </si>
  <si>
    <t>（ａ）防犯装置</t>
    <rPh sb="3" eb="5">
      <t>ボウハン</t>
    </rPh>
    <rPh sb="5" eb="7">
      <t>ソウチ</t>
    </rPh>
    <phoneticPr fontId="6"/>
  </si>
  <si>
    <t>（ｂ）入退室管理装置</t>
    <rPh sb="3" eb="6">
      <t>ニュウタイシツ</t>
    </rPh>
    <rPh sb="6" eb="8">
      <t>カンリ</t>
    </rPh>
    <rPh sb="8" eb="10">
      <t>ソウチ</t>
    </rPh>
    <phoneticPr fontId="6"/>
  </si>
  <si>
    <t>（ａ）自動火災報知</t>
    <rPh sb="3" eb="7">
      <t>ジドウカサイ</t>
    </rPh>
    <rPh sb="7" eb="9">
      <t>ホウチ</t>
    </rPh>
    <phoneticPr fontId="6"/>
  </si>
  <si>
    <t>（b）自動閉鎖</t>
    <rPh sb="3" eb="5">
      <t>ジドウ</t>
    </rPh>
    <rPh sb="5" eb="7">
      <t>ヘイサ</t>
    </rPh>
    <phoneticPr fontId="6"/>
  </si>
  <si>
    <t>連動制御器</t>
    <rPh sb="0" eb="2">
      <t>レンドウ</t>
    </rPh>
    <rPh sb="2" eb="5">
      <t>セイギョキ</t>
    </rPh>
    <phoneticPr fontId="6"/>
  </si>
  <si>
    <t>自動閉鎖装置</t>
    <rPh sb="0" eb="2">
      <t>ジドウ</t>
    </rPh>
    <rPh sb="2" eb="4">
      <t>ヘイサ</t>
    </rPh>
    <rPh sb="4" eb="6">
      <t>ソウチ</t>
    </rPh>
    <phoneticPr fontId="6"/>
  </si>
  <si>
    <t>二重床用情報コンセントの二重計上はないか。
（コンセント分岐にて計上されていないか。）</t>
    <rPh sb="0" eb="2">
      <t>ニジュウ</t>
    </rPh>
    <rPh sb="2" eb="3">
      <t>ユカ</t>
    </rPh>
    <rPh sb="3" eb="4">
      <t>ヨウ</t>
    </rPh>
    <rPh sb="4" eb="6">
      <t>ジョウホウヨウ</t>
    </rPh>
    <rPh sb="12" eb="14">
      <t>ニジュウ</t>
    </rPh>
    <rPh sb="14" eb="16">
      <t>ケイジョウ</t>
    </rPh>
    <rPh sb="28" eb="30">
      <t>ブンキ</t>
    </rPh>
    <rPh sb="32" eb="34">
      <t>ケイジョウ</t>
    </rPh>
    <phoneticPr fontId="8"/>
  </si>
  <si>
    <t>通信総合盤</t>
    <rPh sb="0" eb="2">
      <t>ツウシン</t>
    </rPh>
    <rPh sb="2" eb="4">
      <t>ソウゴウ</t>
    </rPh>
    <rPh sb="4" eb="5">
      <t>バン</t>
    </rPh>
    <phoneticPr fontId="6"/>
  </si>
  <si>
    <t>形状及び機能ごとに区分し計上したか。</t>
    <rPh sb="9" eb="11">
      <t>クブン</t>
    </rPh>
    <rPh sb="12" eb="14">
      <t>ケイジョウ</t>
    </rPh>
    <phoneticPr fontId="6"/>
  </si>
  <si>
    <t>（３）情報表示設備</t>
    <rPh sb="3" eb="5">
      <t>ジョウホウ</t>
    </rPh>
    <rPh sb="5" eb="7">
      <t>ヒョウジ</t>
    </rPh>
    <phoneticPr fontId="6"/>
  </si>
  <si>
    <t>（２）盤類</t>
    <rPh sb="3" eb="4">
      <t>バン</t>
    </rPh>
    <rPh sb="4" eb="5">
      <t>ルイ</t>
    </rPh>
    <phoneticPr fontId="6"/>
  </si>
  <si>
    <t>定格電圧及び電流を確認したか。</t>
    <rPh sb="0" eb="2">
      <t>テイカク</t>
    </rPh>
    <rPh sb="2" eb="4">
      <t>デンアツ</t>
    </rPh>
    <rPh sb="4" eb="5">
      <t>オヨ</t>
    </rPh>
    <rPh sb="6" eb="8">
      <t>デンリュウ</t>
    </rPh>
    <rPh sb="9" eb="11">
      <t>カクニン</t>
    </rPh>
    <phoneticPr fontId="6"/>
  </si>
  <si>
    <t>（c）ガス漏れ火災警報</t>
    <rPh sb="5" eb="6">
      <t>モ</t>
    </rPh>
    <rPh sb="7" eb="9">
      <t>カサイ</t>
    </rPh>
    <rPh sb="9" eb="11">
      <t>ケイホウ</t>
    </rPh>
    <phoneticPr fontId="6"/>
  </si>
  <si>
    <t>（a）警報盤</t>
    <rPh sb="3" eb="5">
      <t>ケイホウ</t>
    </rPh>
    <rPh sb="5" eb="6">
      <t>バン</t>
    </rPh>
    <phoneticPr fontId="6"/>
  </si>
  <si>
    <t>警報盤</t>
    <rPh sb="0" eb="2">
      <t>ケイホウ</t>
    </rPh>
    <rPh sb="2" eb="3">
      <t>バン</t>
    </rPh>
    <phoneticPr fontId="6"/>
  </si>
  <si>
    <t>（b）簡易形</t>
    <rPh sb="3" eb="5">
      <t>カンイ</t>
    </rPh>
    <rPh sb="5" eb="6">
      <t>カタ</t>
    </rPh>
    <phoneticPr fontId="6"/>
  </si>
  <si>
    <t>監視操作装置</t>
    <rPh sb="0" eb="2">
      <t>カンシ</t>
    </rPh>
    <rPh sb="2" eb="4">
      <t>ソウサ</t>
    </rPh>
    <rPh sb="4" eb="6">
      <t>ソウチ</t>
    </rPh>
    <phoneticPr fontId="6"/>
  </si>
  <si>
    <t>信号処理装置</t>
    <rPh sb="0" eb="2">
      <t>シンゴウ</t>
    </rPh>
    <rPh sb="2" eb="4">
      <t>ショリ</t>
    </rPh>
    <rPh sb="4" eb="6">
      <t>ソウチ</t>
    </rPh>
    <phoneticPr fontId="6"/>
  </si>
  <si>
    <t>記録装置</t>
    <rPh sb="0" eb="2">
      <t>キロク</t>
    </rPh>
    <rPh sb="2" eb="4">
      <t>ソウチ</t>
    </rPh>
    <phoneticPr fontId="6"/>
  </si>
  <si>
    <t>電源装置</t>
    <rPh sb="0" eb="2">
      <t>デンゲン</t>
    </rPh>
    <rPh sb="2" eb="4">
      <t>ソウチ</t>
    </rPh>
    <phoneticPr fontId="6"/>
  </si>
  <si>
    <t>盤形式、表示装置の形式及び操作部の方式を確認したか。</t>
    <rPh sb="0" eb="1">
      <t>バン</t>
    </rPh>
    <rPh sb="1" eb="3">
      <t>ケイシキ</t>
    </rPh>
    <rPh sb="4" eb="6">
      <t>ヒョウジ</t>
    </rPh>
    <rPh sb="6" eb="8">
      <t>ソウチ</t>
    </rPh>
    <rPh sb="9" eb="11">
      <t>ケイシキ</t>
    </rPh>
    <rPh sb="11" eb="12">
      <t>オヨ</t>
    </rPh>
    <rPh sb="13" eb="16">
      <t>ソウサブ</t>
    </rPh>
    <rPh sb="17" eb="19">
      <t>ホウシキ</t>
    </rPh>
    <rPh sb="20" eb="22">
      <t>カクニン</t>
    </rPh>
    <phoneticPr fontId="6"/>
  </si>
  <si>
    <t>電気方式、定格電力及び停電補償時間を確認したか。</t>
    <rPh sb="0" eb="2">
      <t>デンキ</t>
    </rPh>
    <rPh sb="2" eb="4">
      <t>ホウシキ</t>
    </rPh>
    <rPh sb="5" eb="7">
      <t>テイカク</t>
    </rPh>
    <rPh sb="7" eb="9">
      <t>デンリョク</t>
    </rPh>
    <rPh sb="9" eb="10">
      <t>オヨ</t>
    </rPh>
    <rPh sb="11" eb="13">
      <t>テイデン</t>
    </rPh>
    <rPh sb="13" eb="15">
      <t>ホショウ</t>
    </rPh>
    <rPh sb="15" eb="17">
      <t>ジカン</t>
    </rPh>
    <rPh sb="18" eb="20">
      <t>カクニン</t>
    </rPh>
    <phoneticPr fontId="6"/>
  </si>
  <si>
    <t>（c）監視制御装置</t>
    <rPh sb="3" eb="5">
      <t>カンシ</t>
    </rPh>
    <rPh sb="5" eb="7">
      <t>セイギョ</t>
    </rPh>
    <rPh sb="7" eb="9">
      <t>ソウチ</t>
    </rPh>
    <phoneticPr fontId="6"/>
  </si>
  <si>
    <t>補助盤</t>
    <rPh sb="0" eb="2">
      <t>ホジョ</t>
    </rPh>
    <rPh sb="2" eb="3">
      <t>バン</t>
    </rPh>
    <phoneticPr fontId="6"/>
  </si>
  <si>
    <t>キャビネットの外観・構造を確認したか。</t>
    <rPh sb="7" eb="9">
      <t>ガイカン</t>
    </rPh>
    <rPh sb="10" eb="12">
      <t>コウゾウ</t>
    </rPh>
    <rPh sb="13" eb="15">
      <t>カクニン</t>
    </rPh>
    <phoneticPr fontId="6"/>
  </si>
  <si>
    <t>表示装置の種別及び画面サイズを確認したか。</t>
    <rPh sb="0" eb="2">
      <t>ヒョウジ</t>
    </rPh>
    <rPh sb="2" eb="4">
      <t>ソウチ</t>
    </rPh>
    <rPh sb="5" eb="7">
      <t>シュベツ</t>
    </rPh>
    <rPh sb="7" eb="8">
      <t>オヨ</t>
    </rPh>
    <rPh sb="9" eb="11">
      <t>ガメン</t>
    </rPh>
    <rPh sb="15" eb="17">
      <t>カクニン</t>
    </rPh>
    <phoneticPr fontId="6"/>
  </si>
  <si>
    <t>中央処理装置の機能を確認したか。</t>
    <rPh sb="0" eb="2">
      <t>チュウオウ</t>
    </rPh>
    <rPh sb="2" eb="4">
      <t>ショリ</t>
    </rPh>
    <rPh sb="4" eb="6">
      <t>ソウチ</t>
    </rPh>
    <rPh sb="7" eb="9">
      <t>キノウ</t>
    </rPh>
    <rPh sb="10" eb="12">
      <t>カクニン</t>
    </rPh>
    <phoneticPr fontId="6"/>
  </si>
  <si>
    <t>補助記憶装置の記憶媒体を確認したか。</t>
    <rPh sb="0" eb="2">
      <t>ホジョ</t>
    </rPh>
    <rPh sb="2" eb="4">
      <t>キオク</t>
    </rPh>
    <rPh sb="4" eb="6">
      <t>ソウチ</t>
    </rPh>
    <rPh sb="7" eb="9">
      <t>キオク</t>
    </rPh>
    <rPh sb="9" eb="11">
      <t>バイタイ</t>
    </rPh>
    <rPh sb="12" eb="14">
      <t>カクニン</t>
    </rPh>
    <phoneticPr fontId="6"/>
  </si>
  <si>
    <t>伝送装置の形式及び機能を確認したか。</t>
    <rPh sb="0" eb="2">
      <t>デンソウ</t>
    </rPh>
    <rPh sb="2" eb="4">
      <t>ソウチ</t>
    </rPh>
    <rPh sb="5" eb="7">
      <t>ケイシキ</t>
    </rPh>
    <rPh sb="7" eb="8">
      <t>オヨ</t>
    </rPh>
    <rPh sb="9" eb="11">
      <t>キノウ</t>
    </rPh>
    <rPh sb="12" eb="14">
      <t>カクニン</t>
    </rPh>
    <phoneticPr fontId="6"/>
  </si>
  <si>
    <t>雑印字装置の形式を確認したか。</t>
    <rPh sb="0" eb="1">
      <t>ザツ</t>
    </rPh>
    <rPh sb="1" eb="3">
      <t>インジ</t>
    </rPh>
    <rPh sb="3" eb="5">
      <t>ソウチ</t>
    </rPh>
    <rPh sb="6" eb="8">
      <t>ケイシキ</t>
    </rPh>
    <rPh sb="9" eb="11">
      <t>カクニン</t>
    </rPh>
    <phoneticPr fontId="6"/>
  </si>
  <si>
    <t>形式及び構成機能を確認したか。</t>
    <rPh sb="0" eb="2">
      <t>ケイシキ</t>
    </rPh>
    <rPh sb="2" eb="3">
      <t>オヨ</t>
    </rPh>
    <rPh sb="4" eb="6">
      <t>コウセイ</t>
    </rPh>
    <rPh sb="6" eb="8">
      <t>キノウ</t>
    </rPh>
    <rPh sb="9" eb="11">
      <t>カクニン</t>
    </rPh>
    <phoneticPr fontId="6"/>
  </si>
  <si>
    <t>拾いの数量が集計表に上がってきているか確認したか。</t>
    <rPh sb="0" eb="1">
      <t>ヒロ</t>
    </rPh>
    <rPh sb="3" eb="5">
      <t>スウリョウ</t>
    </rPh>
    <rPh sb="6" eb="9">
      <t>シュウケイヒョウ</t>
    </rPh>
    <rPh sb="10" eb="11">
      <t>ア</t>
    </rPh>
    <rPh sb="19" eb="21">
      <t>カクニン</t>
    </rPh>
    <phoneticPr fontId="7"/>
  </si>
  <si>
    <t>拾い書に落ちがないか拾い図面を確認したか。</t>
    <rPh sb="0" eb="1">
      <t>ヒロ</t>
    </rPh>
    <rPh sb="2" eb="3">
      <t>ショ</t>
    </rPh>
    <rPh sb="4" eb="5">
      <t>オ</t>
    </rPh>
    <rPh sb="10" eb="11">
      <t>ヒロ</t>
    </rPh>
    <rPh sb="12" eb="14">
      <t>ズメン</t>
    </rPh>
    <rPh sb="15" eb="17">
      <t>カクニン</t>
    </rPh>
    <phoneticPr fontId="7"/>
  </si>
  <si>
    <t>必要な図面の訂正をしたか。</t>
    <rPh sb="0" eb="2">
      <t>ヒツヨウ</t>
    </rPh>
    <rPh sb="3" eb="5">
      <t>ズメン</t>
    </rPh>
    <rPh sb="6" eb="8">
      <t>テイセイ</t>
    </rPh>
    <phoneticPr fontId="7"/>
  </si>
  <si>
    <t>設計図に記載された縮尺により計測、計算したか。</t>
    <rPh sb="4" eb="6">
      <t>キサイ</t>
    </rPh>
    <rPh sb="14" eb="16">
      <t>ケイソク</t>
    </rPh>
    <rPh sb="17" eb="19">
      <t>ケイサン</t>
    </rPh>
    <phoneticPr fontId="6"/>
  </si>
  <si>
    <t>階高、標準天井高及び機器取付高さを確認したか。</t>
    <rPh sb="0" eb="1">
      <t>カイ</t>
    </rPh>
    <rPh sb="1" eb="2">
      <t>ダカ</t>
    </rPh>
    <rPh sb="3" eb="5">
      <t>ヒョウジュン</t>
    </rPh>
    <rPh sb="5" eb="7">
      <t>テンジョウ</t>
    </rPh>
    <rPh sb="7" eb="8">
      <t>ダカ</t>
    </rPh>
    <rPh sb="8" eb="9">
      <t>オヨ</t>
    </rPh>
    <rPh sb="10" eb="12">
      <t>キキ</t>
    </rPh>
    <rPh sb="12" eb="14">
      <t>トリツケ</t>
    </rPh>
    <rPh sb="14" eb="15">
      <t>タカ</t>
    </rPh>
    <rPh sb="17" eb="19">
      <t>カクニン</t>
    </rPh>
    <phoneticPr fontId="6"/>
  </si>
  <si>
    <t>立上り・引下げは、標準天井面又は床面より機器等の中心までの長さとして計測、計算したか。</t>
    <rPh sb="0" eb="1">
      <t>タ</t>
    </rPh>
    <rPh sb="1" eb="2">
      <t>ア</t>
    </rPh>
    <rPh sb="4" eb="5">
      <t>ヒ</t>
    </rPh>
    <rPh sb="5" eb="6">
      <t>サ</t>
    </rPh>
    <rPh sb="9" eb="11">
      <t>ヒョウジュン</t>
    </rPh>
    <rPh sb="11" eb="13">
      <t>テンジョウ</t>
    </rPh>
    <rPh sb="13" eb="14">
      <t>メン</t>
    </rPh>
    <rPh sb="14" eb="15">
      <t>マタ</t>
    </rPh>
    <rPh sb="16" eb="18">
      <t>ユカメン</t>
    </rPh>
    <rPh sb="20" eb="23">
      <t>キキトウ</t>
    </rPh>
    <rPh sb="24" eb="26">
      <t>チュウシン</t>
    </rPh>
    <rPh sb="29" eb="30">
      <t>ナガ</t>
    </rPh>
    <rPh sb="34" eb="36">
      <t>ケイソク</t>
    </rPh>
    <rPh sb="37" eb="39">
      <t>ケイサン</t>
    </rPh>
    <phoneticPr fontId="7"/>
  </si>
  <si>
    <t>位置ボックス・
ジョイントボックス</t>
    <rPh sb="0" eb="2">
      <t>イチ</t>
    </rPh>
    <phoneticPr fontId="6"/>
  </si>
  <si>
    <t>トイレ呼出表示器</t>
    <rPh sb="3" eb="5">
      <t>ヨビダシ</t>
    </rPh>
    <rPh sb="5" eb="8">
      <t>ヒョウジキ</t>
    </rPh>
    <phoneticPr fontId="6"/>
  </si>
  <si>
    <t>呼出表示灯
呼出ボタン
復帰ボタン</t>
    <rPh sb="0" eb="2">
      <t>ヨビダシ</t>
    </rPh>
    <rPh sb="2" eb="5">
      <t>ヒョウジトウ</t>
    </rPh>
    <rPh sb="6" eb="8">
      <t>ヨビダシ</t>
    </rPh>
    <rPh sb="12" eb="14">
      <t>フッキ</t>
    </rPh>
    <phoneticPr fontId="6"/>
  </si>
  <si>
    <t>受付呼出表示器</t>
    <rPh sb="0" eb="2">
      <t>ウケツケ</t>
    </rPh>
    <rPh sb="2" eb="4">
      <t>ヨビダシ</t>
    </rPh>
    <rPh sb="4" eb="6">
      <t>ヒョウジ</t>
    </rPh>
    <rPh sb="6" eb="7">
      <t>キ</t>
    </rPh>
    <phoneticPr fontId="6"/>
  </si>
  <si>
    <t>操作部</t>
    <rPh sb="0" eb="3">
      <t>ソウサブ</t>
    </rPh>
    <phoneticPr fontId="6"/>
  </si>
  <si>
    <t>（c）トイレ呼出表示</t>
    <rPh sb="6" eb="8">
      <t>ヨビダシ</t>
    </rPh>
    <rPh sb="8" eb="10">
      <t>ヒョウジ</t>
    </rPh>
    <phoneticPr fontId="6"/>
  </si>
  <si>
    <t>（d）受付呼出表示</t>
    <rPh sb="3" eb="5">
      <t>ウケツケ</t>
    </rPh>
    <rPh sb="5" eb="7">
      <t>ヨビダシ</t>
    </rPh>
    <rPh sb="7" eb="9">
      <t>ヒョウジ</t>
    </rPh>
    <phoneticPr fontId="6"/>
  </si>
  <si>
    <t>録画装置</t>
    <rPh sb="0" eb="2">
      <t>ロクガ</t>
    </rPh>
    <rPh sb="2" eb="4">
      <t>ソウチ</t>
    </rPh>
    <phoneticPr fontId="6"/>
  </si>
  <si>
    <t>管制盤</t>
    <rPh sb="0" eb="2">
      <t>カンセイ</t>
    </rPh>
    <rPh sb="2" eb="3">
      <t>バン</t>
    </rPh>
    <phoneticPr fontId="6"/>
  </si>
  <si>
    <t>検知器</t>
    <rPh sb="0" eb="3">
      <t>ケンチキ</t>
    </rPh>
    <phoneticPr fontId="6"/>
  </si>
  <si>
    <t>信号等・警報灯</t>
    <rPh sb="0" eb="2">
      <t>シンゴウ</t>
    </rPh>
    <rPh sb="2" eb="3">
      <t>トウ</t>
    </rPh>
    <rPh sb="4" eb="7">
      <t>ケイホウトウ</t>
    </rPh>
    <phoneticPr fontId="6"/>
  </si>
  <si>
    <t>発券機</t>
    <rPh sb="0" eb="3">
      <t>ハッケンキ</t>
    </rPh>
    <phoneticPr fontId="6"/>
  </si>
  <si>
    <t>（a）防犯</t>
    <rPh sb="3" eb="5">
      <t>ボウハン</t>
    </rPh>
    <phoneticPr fontId="6"/>
  </si>
  <si>
    <t>警備機器収納箱</t>
    <rPh sb="0" eb="2">
      <t>ケイビ</t>
    </rPh>
    <rPh sb="2" eb="4">
      <t>キキ</t>
    </rPh>
    <rPh sb="4" eb="7">
      <t>シュウノウバコ</t>
    </rPh>
    <phoneticPr fontId="6"/>
  </si>
  <si>
    <t>形式及び参考寸法等を確認したか。</t>
    <rPh sb="0" eb="2">
      <t>ケイシキ</t>
    </rPh>
    <rPh sb="2" eb="3">
      <t>オヨ</t>
    </rPh>
    <rPh sb="4" eb="6">
      <t>サンコウ</t>
    </rPh>
    <rPh sb="6" eb="8">
      <t>スンポウ</t>
    </rPh>
    <rPh sb="8" eb="9">
      <t>トウ</t>
    </rPh>
    <rPh sb="10" eb="12">
      <t>カクニン</t>
    </rPh>
    <phoneticPr fontId="6"/>
  </si>
  <si>
    <t>（b）入退室管理</t>
    <rPh sb="3" eb="6">
      <t>ニュウタイシツ</t>
    </rPh>
    <rPh sb="6" eb="8">
      <t>カンリ</t>
    </rPh>
    <phoneticPr fontId="6"/>
  </si>
  <si>
    <t>認識部</t>
    <rPh sb="0" eb="2">
      <t>ニンシキ</t>
    </rPh>
    <rPh sb="2" eb="3">
      <t>ブ</t>
    </rPh>
    <phoneticPr fontId="6"/>
  </si>
  <si>
    <t>遠隔制御器</t>
    <rPh sb="0" eb="2">
      <t>エンカク</t>
    </rPh>
    <rPh sb="2" eb="5">
      <t>セイギョキ</t>
    </rPh>
    <phoneticPr fontId="6"/>
  </si>
  <si>
    <t>電気錠</t>
    <rPh sb="0" eb="3">
      <t>デンキジョウ</t>
    </rPh>
    <phoneticPr fontId="6"/>
  </si>
  <si>
    <t>屋内外の別、形式その他必要な事項を確認したか。</t>
    <rPh sb="0" eb="3">
      <t>オクナイガイ</t>
    </rPh>
    <rPh sb="4" eb="5">
      <t>ベツ</t>
    </rPh>
    <rPh sb="6" eb="8">
      <t>ケイシキ</t>
    </rPh>
    <rPh sb="10" eb="11">
      <t>タ</t>
    </rPh>
    <rPh sb="11" eb="13">
      <t>ヒツヨウ</t>
    </rPh>
    <rPh sb="14" eb="16">
      <t>ジコウ</t>
    </rPh>
    <rPh sb="17" eb="19">
      <t>カクニン</t>
    </rPh>
    <phoneticPr fontId="6"/>
  </si>
  <si>
    <t>番号カード発行機</t>
    <rPh sb="0" eb="2">
      <t>バンゴウ</t>
    </rPh>
    <rPh sb="5" eb="8">
      <t>ハッコウキ</t>
    </rPh>
    <phoneticPr fontId="6"/>
  </si>
  <si>
    <t>中科目</t>
    <rPh sb="0" eb="1">
      <t>チュウ</t>
    </rPh>
    <rPh sb="1" eb="3">
      <t>カモク</t>
    </rPh>
    <phoneticPr fontId="6"/>
  </si>
  <si>
    <t>接地端子箱</t>
    <rPh sb="0" eb="2">
      <t>セッチ</t>
    </rPh>
    <rPh sb="2" eb="4">
      <t>タンシ</t>
    </rPh>
    <rPh sb="4" eb="5">
      <t>ハコ</t>
    </rPh>
    <phoneticPr fontId="6"/>
  </si>
  <si>
    <t>交流無停電電源装置</t>
    <rPh sb="0" eb="2">
      <t>コウリュウ</t>
    </rPh>
    <rPh sb="2" eb="3">
      <t>ム</t>
    </rPh>
    <rPh sb="3" eb="5">
      <t>テイデン</t>
    </rPh>
    <rPh sb="5" eb="7">
      <t>デンゲン</t>
    </rPh>
    <rPh sb="7" eb="9">
      <t>ソウチ</t>
    </rPh>
    <phoneticPr fontId="8"/>
  </si>
  <si>
    <t>交流発電機・原動機</t>
    <rPh sb="0" eb="2">
      <t>コウリュウ</t>
    </rPh>
    <rPh sb="2" eb="5">
      <t>ハツデンキ</t>
    </rPh>
    <rPh sb="6" eb="9">
      <t>ゲンドウキ</t>
    </rPh>
    <phoneticPr fontId="8"/>
  </si>
  <si>
    <t>補機・付属装置</t>
    <rPh sb="0" eb="1">
      <t>ホ</t>
    </rPh>
    <rPh sb="1" eb="2">
      <t>キ</t>
    </rPh>
    <rPh sb="3" eb="5">
      <t>フゾク</t>
    </rPh>
    <rPh sb="5" eb="7">
      <t>ソウチ</t>
    </rPh>
    <phoneticPr fontId="8"/>
  </si>
  <si>
    <t>計測、表示装置</t>
    <rPh sb="0" eb="2">
      <t>ケイソク</t>
    </rPh>
    <rPh sb="3" eb="5">
      <t>ヒョウジ</t>
    </rPh>
    <rPh sb="5" eb="7">
      <t>ソウチ</t>
    </rPh>
    <phoneticPr fontId="8"/>
  </si>
  <si>
    <t>本配線盤・端子盤類</t>
    <rPh sb="0" eb="1">
      <t>ホン</t>
    </rPh>
    <rPh sb="1" eb="4">
      <t>ハイセンバン</t>
    </rPh>
    <rPh sb="5" eb="8">
      <t>タンシバン</t>
    </rPh>
    <rPh sb="8" eb="9">
      <t>ルイ</t>
    </rPh>
    <phoneticPr fontId="8"/>
  </si>
  <si>
    <t>局線中継台</t>
    <rPh sb="0" eb="2">
      <t>キョクセン</t>
    </rPh>
    <rPh sb="2" eb="4">
      <t>チュウケイ</t>
    </rPh>
    <rPh sb="4" eb="5">
      <t>ダイ</t>
    </rPh>
    <phoneticPr fontId="8"/>
  </si>
  <si>
    <t>電源装置</t>
    <rPh sb="0" eb="2">
      <t>デンゲン</t>
    </rPh>
    <rPh sb="2" eb="4">
      <t>ソウチ</t>
    </rPh>
    <phoneticPr fontId="8"/>
  </si>
  <si>
    <t>表示発信器</t>
    <rPh sb="0" eb="2">
      <t>ヒョウジ</t>
    </rPh>
    <rPh sb="2" eb="5">
      <t>ハッシンキ</t>
    </rPh>
    <phoneticPr fontId="8"/>
  </si>
  <si>
    <t>表示装置</t>
    <rPh sb="0" eb="2">
      <t>ヒョウジ</t>
    </rPh>
    <rPh sb="2" eb="4">
      <t>ソウチ</t>
    </rPh>
    <phoneticPr fontId="8"/>
  </si>
  <si>
    <t>表示制御装置</t>
    <rPh sb="0" eb="2">
      <t>ヒョウジ</t>
    </rPh>
    <rPh sb="2" eb="4">
      <t>セイギョ</t>
    </rPh>
    <rPh sb="4" eb="6">
      <t>ソウチ</t>
    </rPh>
    <phoneticPr fontId="8"/>
  </si>
  <si>
    <t>照明制御装置</t>
    <rPh sb="0" eb="2">
      <t>ショウメイ</t>
    </rPh>
    <rPh sb="2" eb="4">
      <t>セイギョ</t>
    </rPh>
    <rPh sb="4" eb="6">
      <t>ソウチ</t>
    </rPh>
    <phoneticPr fontId="7"/>
  </si>
  <si>
    <t>盤類の歩掛りは、以下に注意し算出したか。
（歩掛算出書による）</t>
    <rPh sb="0" eb="1">
      <t>バン</t>
    </rPh>
    <rPh sb="1" eb="2">
      <t>ルイ</t>
    </rPh>
    <rPh sb="3" eb="4">
      <t>ブ</t>
    </rPh>
    <rPh sb="4" eb="5">
      <t>ガ</t>
    </rPh>
    <rPh sb="8" eb="10">
      <t>イカ</t>
    </rPh>
    <rPh sb="11" eb="13">
      <t>チュウイ</t>
    </rPh>
    <rPh sb="14" eb="16">
      <t>サンシュツ</t>
    </rPh>
    <rPh sb="22" eb="24">
      <t>ブガ</t>
    </rPh>
    <rPh sb="24" eb="26">
      <t>サンシュツ</t>
    </rPh>
    <rPh sb="26" eb="27">
      <t>ショ</t>
    </rPh>
    <phoneticPr fontId="8"/>
  </si>
  <si>
    <t>盤類の歩掛りは、以下に注意し算出したか。
（歩掛算出書による）</t>
    <rPh sb="0" eb="1">
      <t>バン</t>
    </rPh>
    <rPh sb="1" eb="2">
      <t>ルイ</t>
    </rPh>
    <rPh sb="3" eb="5">
      <t>ブガ</t>
    </rPh>
    <rPh sb="8" eb="10">
      <t>イカ</t>
    </rPh>
    <rPh sb="11" eb="13">
      <t>チュウイ</t>
    </rPh>
    <rPh sb="14" eb="16">
      <t>サンシュツ</t>
    </rPh>
    <rPh sb="22" eb="23">
      <t>ブ</t>
    </rPh>
    <rPh sb="23" eb="24">
      <t>カカリ</t>
    </rPh>
    <rPh sb="24" eb="26">
      <t>サンシュツ</t>
    </rPh>
    <rPh sb="26" eb="27">
      <t>ショ</t>
    </rPh>
    <phoneticPr fontId="8"/>
  </si>
  <si>
    <t>延焼防止処理と防火区画貫通処理を区分し計上したか。</t>
    <rPh sb="19" eb="21">
      <t>ケイジョウ</t>
    </rPh>
    <phoneticPr fontId="6"/>
  </si>
  <si>
    <t>要否を確認し、必要なところに計上したか。</t>
    <rPh sb="0" eb="2">
      <t>ヨウヒ</t>
    </rPh>
    <rPh sb="3" eb="5">
      <t>カクニン</t>
    </rPh>
    <rPh sb="7" eb="9">
      <t>ヒツヨウ</t>
    </rPh>
    <rPh sb="14" eb="16">
      <t>ケイジョウ</t>
    </rPh>
    <phoneticPr fontId="6"/>
  </si>
  <si>
    <t>形式、材質及び記号ごとに区分し計上したか。</t>
    <rPh sb="3" eb="5">
      <t>ザイシツ</t>
    </rPh>
    <rPh sb="5" eb="6">
      <t>オヨ</t>
    </rPh>
    <rPh sb="12" eb="14">
      <t>クブン</t>
    </rPh>
    <rPh sb="15" eb="17">
      <t>ケイジョウ</t>
    </rPh>
    <phoneticPr fontId="6"/>
  </si>
  <si>
    <t>材質、形式、容量及び極数等ごとに区分し計上したか。</t>
    <rPh sb="0" eb="2">
      <t>ザイシツ</t>
    </rPh>
    <rPh sb="8" eb="9">
      <t>オヨ</t>
    </rPh>
    <rPh sb="16" eb="18">
      <t>クブン</t>
    </rPh>
    <rPh sb="19" eb="21">
      <t>ケイジョウ</t>
    </rPh>
    <phoneticPr fontId="6"/>
  </si>
  <si>
    <t>必要に応じ、埋設標を計上したか。</t>
    <rPh sb="0" eb="2">
      <t>ヒツヨウ</t>
    </rPh>
    <rPh sb="3" eb="4">
      <t>オウ</t>
    </rPh>
    <rPh sb="8" eb="9">
      <t>ヒョウ</t>
    </rPh>
    <phoneticPr fontId="6"/>
  </si>
  <si>
    <t>高圧ケーブル端末処理材を計上したか。</t>
    <rPh sb="0" eb="2">
      <t>コウアツ</t>
    </rPh>
    <rPh sb="10" eb="11">
      <t>ザイ</t>
    </rPh>
    <phoneticPr fontId="6"/>
  </si>
  <si>
    <t>太陽電池アレイ</t>
    <rPh sb="2" eb="4">
      <t>デンチ</t>
    </rPh>
    <phoneticPr fontId="6"/>
  </si>
  <si>
    <t>架台を計上したか。</t>
    <rPh sb="0" eb="2">
      <t>カダイ</t>
    </rPh>
    <phoneticPr fontId="6"/>
  </si>
  <si>
    <t>接続箱</t>
    <rPh sb="0" eb="2">
      <t>セツゾク</t>
    </rPh>
    <rPh sb="2" eb="3">
      <t>バコ</t>
    </rPh>
    <phoneticPr fontId="8"/>
  </si>
  <si>
    <t>計測、表示装置</t>
  </si>
  <si>
    <t>付属ケーブル</t>
    <rPh sb="0" eb="2">
      <t>フゾク</t>
    </rPh>
    <phoneticPr fontId="6"/>
  </si>
  <si>
    <t>製造者標準ケーブル等を計上したか。</t>
    <rPh sb="0" eb="3">
      <t>セイゾウシャ</t>
    </rPh>
    <rPh sb="3" eb="5">
      <t>ヒョウジュン</t>
    </rPh>
    <rPh sb="9" eb="10">
      <t>トウ</t>
    </rPh>
    <rPh sb="11" eb="13">
      <t>ケイジョウ</t>
    </rPh>
    <phoneticPr fontId="6"/>
  </si>
  <si>
    <t>・製造者標準品の場合は製造者型番が明記されているか。</t>
    <rPh sb="1" eb="4">
      <t>セイゾウシャ</t>
    </rPh>
    <rPh sb="4" eb="7">
      <t>ヒョウジュンヒン</t>
    </rPh>
    <rPh sb="8" eb="10">
      <t>バアイ</t>
    </rPh>
    <rPh sb="11" eb="14">
      <t>セイゾウシャ</t>
    </rPh>
    <rPh sb="14" eb="16">
      <t>カタバン</t>
    </rPh>
    <rPh sb="17" eb="19">
      <t>メイキ</t>
    </rPh>
    <phoneticPr fontId="8"/>
  </si>
  <si>
    <t>・器具数量を確認したか。</t>
    <rPh sb="1" eb="3">
      <t>キグ</t>
    </rPh>
    <rPh sb="3" eb="5">
      <t>スウリョウ</t>
    </rPh>
    <rPh sb="6" eb="8">
      <t>カクニン</t>
    </rPh>
    <phoneticPr fontId="6"/>
  </si>
  <si>
    <t>・盤形式を確認したか。</t>
    <rPh sb="1" eb="2">
      <t>バン</t>
    </rPh>
    <rPh sb="2" eb="4">
      <t>ケイシキ</t>
    </rPh>
    <rPh sb="5" eb="7">
      <t>カクニン</t>
    </rPh>
    <phoneticPr fontId="6"/>
  </si>
  <si>
    <t>・別途機器を確認したか。</t>
    <rPh sb="1" eb="3">
      <t>ベット</t>
    </rPh>
    <rPh sb="3" eb="5">
      <t>キキ</t>
    </rPh>
    <rPh sb="6" eb="8">
      <t>カクニン</t>
    </rPh>
    <phoneticPr fontId="6"/>
  </si>
  <si>
    <t>・蓄電池のセル数（複数セル一体の確認）を確認したか。</t>
    <rPh sb="20" eb="22">
      <t>カクニン</t>
    </rPh>
    <phoneticPr fontId="8"/>
  </si>
  <si>
    <t>・蓄電池種別、補償時間等を確認したか。</t>
    <rPh sb="1" eb="4">
      <t>チクデンチ</t>
    </rPh>
    <rPh sb="4" eb="6">
      <t>シュベツ</t>
    </rPh>
    <rPh sb="7" eb="9">
      <t>ホショウ</t>
    </rPh>
    <rPh sb="9" eb="11">
      <t>ジカン</t>
    </rPh>
    <rPh sb="11" eb="12">
      <t>ナド</t>
    </rPh>
    <rPh sb="13" eb="15">
      <t>カクニン</t>
    </rPh>
    <phoneticPr fontId="8"/>
  </si>
  <si>
    <t>・ケーブル本数、規格、対数等を確認したか。</t>
    <rPh sb="11" eb="13">
      <t>ツイスウ</t>
    </rPh>
    <rPh sb="13" eb="14">
      <t>トウ</t>
    </rPh>
    <rPh sb="15" eb="17">
      <t>カクニン</t>
    </rPh>
    <phoneticPr fontId="7"/>
  </si>
  <si>
    <t>・組込機器等を確認したか。</t>
    <rPh sb="1" eb="3">
      <t>クミコミ</t>
    </rPh>
    <rPh sb="3" eb="5">
      <t>キキ</t>
    </rPh>
    <rPh sb="5" eb="6">
      <t>ナド</t>
    </rPh>
    <rPh sb="7" eb="9">
      <t>カクニン</t>
    </rPh>
    <phoneticPr fontId="8"/>
  </si>
  <si>
    <t>・製造者標準品の場合は製造者型番が明記されているか確認したか。</t>
    <rPh sb="25" eb="27">
      <t>カクニン</t>
    </rPh>
    <phoneticPr fontId="6"/>
  </si>
  <si>
    <t>・形式、記号等を確認したか。</t>
    <rPh sb="8" eb="10">
      <t>カクニン</t>
    </rPh>
    <phoneticPr fontId="6"/>
  </si>
  <si>
    <t>・組込機器の種別、性能等を確認したか。</t>
    <rPh sb="1" eb="5">
      <t>クミコミキキ</t>
    </rPh>
    <rPh sb="6" eb="8">
      <t>シュベツ</t>
    </rPh>
    <rPh sb="9" eb="11">
      <t>セイノウ</t>
    </rPh>
    <rPh sb="11" eb="12">
      <t>ナド</t>
    </rPh>
    <rPh sb="13" eb="15">
      <t>カクニン</t>
    </rPh>
    <phoneticPr fontId="8"/>
  </si>
  <si>
    <t>・種別、性能、スタンド形式、数量等を確認したか。</t>
    <rPh sb="1" eb="3">
      <t>シュベツ</t>
    </rPh>
    <rPh sb="4" eb="6">
      <t>セイノウ</t>
    </rPh>
    <rPh sb="11" eb="13">
      <t>ケイシキ</t>
    </rPh>
    <rPh sb="14" eb="17">
      <t>スウリョウナド</t>
    </rPh>
    <rPh sb="18" eb="20">
      <t>カクニン</t>
    </rPh>
    <phoneticPr fontId="8"/>
  </si>
  <si>
    <t>・組込機器の種別、性能、制御方式等を確認したか。</t>
    <rPh sb="1" eb="3">
      <t>クミコミ</t>
    </rPh>
    <rPh sb="3" eb="5">
      <t>キキ</t>
    </rPh>
    <rPh sb="6" eb="8">
      <t>シュベツ</t>
    </rPh>
    <rPh sb="9" eb="11">
      <t>セイノウ</t>
    </rPh>
    <rPh sb="12" eb="14">
      <t>セイギョ</t>
    </rPh>
    <rPh sb="14" eb="16">
      <t>ホウシキ</t>
    </rPh>
    <rPh sb="16" eb="17">
      <t>トウ</t>
    </rPh>
    <rPh sb="18" eb="20">
      <t>カクニン</t>
    </rPh>
    <phoneticPr fontId="8"/>
  </si>
  <si>
    <t>電気錠</t>
  </si>
  <si>
    <t>立会検査費</t>
    <rPh sb="0" eb="2">
      <t>タチアイ</t>
    </rPh>
    <rPh sb="2" eb="4">
      <t>ケンサ</t>
    </rPh>
    <rPh sb="4" eb="5">
      <t>ヒ</t>
    </rPh>
    <phoneticPr fontId="6"/>
  </si>
  <si>
    <t>立会検査費を計上したか。</t>
    <rPh sb="0" eb="2">
      <t>タチアイ</t>
    </rPh>
    <rPh sb="2" eb="5">
      <t>ケンサヒ</t>
    </rPh>
    <rPh sb="6" eb="8">
      <t>ケイジョウ</t>
    </rPh>
    <phoneticPr fontId="6"/>
  </si>
  <si>
    <t>接続箱を計上したか。</t>
    <rPh sb="0" eb="2">
      <t>セツゾク</t>
    </rPh>
    <rPh sb="2" eb="3">
      <t>バコ</t>
    </rPh>
    <rPh sb="4" eb="6">
      <t>ケイジョウ</t>
    </rPh>
    <phoneticPr fontId="8"/>
  </si>
  <si>
    <t>他工事との工事区分を確認したか。</t>
    <rPh sb="0" eb="1">
      <t>タ</t>
    </rPh>
    <rPh sb="1" eb="3">
      <t>コウジ</t>
    </rPh>
    <rPh sb="5" eb="7">
      <t>コウジ</t>
    </rPh>
    <rPh sb="7" eb="9">
      <t>クブン</t>
    </rPh>
    <rPh sb="10" eb="12">
      <t>カクニン</t>
    </rPh>
    <phoneticPr fontId="6"/>
  </si>
  <si>
    <t>監視点数を確認したか。</t>
    <rPh sb="0" eb="2">
      <t>カンシ</t>
    </rPh>
    <rPh sb="2" eb="4">
      <t>テンスウ</t>
    </rPh>
    <rPh sb="5" eb="7">
      <t>カクニン</t>
    </rPh>
    <phoneticPr fontId="6"/>
  </si>
  <si>
    <t>リナンバーリングを行ったか。</t>
    <rPh sb="9" eb="10">
      <t>オコナ</t>
    </rPh>
    <phoneticPr fontId="6"/>
  </si>
  <si>
    <t>手元開閉器箱</t>
    <rPh sb="0" eb="2">
      <t>テモト</t>
    </rPh>
    <rPh sb="2" eb="5">
      <t>カイヘイキ</t>
    </rPh>
    <rPh sb="5" eb="6">
      <t>ハコ</t>
    </rPh>
    <phoneticPr fontId="6"/>
  </si>
  <si>
    <t>変圧器・コンデンサ・直列リアクトル</t>
    <rPh sb="0" eb="3">
      <t>ヘンアツキ</t>
    </rPh>
    <rPh sb="10" eb="12">
      <t>チョクレツ</t>
    </rPh>
    <phoneticPr fontId="8"/>
  </si>
  <si>
    <t>連系保護装置</t>
    <rPh sb="2" eb="4">
      <t>ホゴ</t>
    </rPh>
    <phoneticPr fontId="6"/>
  </si>
  <si>
    <t>気温計、日射計</t>
    <rPh sb="0" eb="2">
      <t>キオン</t>
    </rPh>
    <rPh sb="2" eb="3">
      <t>ケイ</t>
    </rPh>
    <rPh sb="4" eb="6">
      <t>ニッシャ</t>
    </rPh>
    <rPh sb="6" eb="7">
      <t>ケイ</t>
    </rPh>
    <phoneticPr fontId="6"/>
  </si>
  <si>
    <t>表示装置</t>
    <rPh sb="0" eb="2">
      <t>ヒョウジ</t>
    </rPh>
    <rPh sb="2" eb="4">
      <t>ソウチ</t>
    </rPh>
    <phoneticPr fontId="6"/>
  </si>
  <si>
    <t>データ処理装置</t>
    <rPh sb="3" eb="5">
      <t>ショリ</t>
    </rPh>
    <rPh sb="5" eb="7">
      <t>ソウチ</t>
    </rPh>
    <phoneticPr fontId="6"/>
  </si>
  <si>
    <t>各設備共通事項</t>
    <rPh sb="0" eb="1">
      <t>カク</t>
    </rPh>
    <rPh sb="1" eb="3">
      <t>セツビ</t>
    </rPh>
    <rPh sb="3" eb="5">
      <t>キョウツウ</t>
    </rPh>
    <rPh sb="5" eb="7">
      <t>ジコウ</t>
    </rPh>
    <phoneticPr fontId="6"/>
  </si>
  <si>
    <t>形式その他必要な機能を確認したか。</t>
    <rPh sb="4" eb="5">
      <t>タ</t>
    </rPh>
    <rPh sb="5" eb="7">
      <t>ヒツヨウ</t>
    </rPh>
    <rPh sb="8" eb="10">
      <t>キノウ</t>
    </rPh>
    <phoneticPr fontId="6"/>
  </si>
  <si>
    <t>形式その他必要な機能を確認したか。</t>
    <rPh sb="0" eb="2">
      <t>ケイシキ</t>
    </rPh>
    <rPh sb="4" eb="5">
      <t>タ</t>
    </rPh>
    <rPh sb="5" eb="7">
      <t>ヒツヨウ</t>
    </rPh>
    <rPh sb="8" eb="10">
      <t>キノウ</t>
    </rPh>
    <rPh sb="11" eb="13">
      <t>カクニン</t>
    </rPh>
    <phoneticPr fontId="6"/>
  </si>
  <si>
    <t>形式、通話方式、通信網の方式、局数その他必要な機能を確認したか。</t>
    <rPh sb="19" eb="20">
      <t>タ</t>
    </rPh>
    <rPh sb="20" eb="22">
      <t>ヒツヨウ</t>
    </rPh>
    <rPh sb="23" eb="25">
      <t>キノウ</t>
    </rPh>
    <phoneticPr fontId="6"/>
  </si>
  <si>
    <t>その他</t>
    <rPh sb="2" eb="3">
      <t>タ</t>
    </rPh>
    <phoneticPr fontId="6"/>
  </si>
  <si>
    <t>特記事項を確認したか。</t>
    <rPh sb="0" eb="2">
      <t>トッキ</t>
    </rPh>
    <rPh sb="2" eb="4">
      <t>ジコウ</t>
    </rPh>
    <rPh sb="5" eb="7">
      <t>カクニン</t>
    </rPh>
    <phoneticPr fontId="6"/>
  </si>
  <si>
    <t>工事範囲を確認したか。（○　基礎）</t>
    <rPh sb="0" eb="2">
      <t>コウジ</t>
    </rPh>
    <rPh sb="2" eb="4">
      <t>ハンイ</t>
    </rPh>
    <rPh sb="5" eb="7">
      <t>カクニン</t>
    </rPh>
    <rPh sb="14" eb="16">
      <t>キソ</t>
    </rPh>
    <phoneticPr fontId="6"/>
  </si>
  <si>
    <t>工事範囲を確認したか。（○基礎　）</t>
    <rPh sb="0" eb="2">
      <t>コウジ</t>
    </rPh>
    <rPh sb="2" eb="4">
      <t>ハンイ</t>
    </rPh>
    <rPh sb="5" eb="7">
      <t>カクニン</t>
    </rPh>
    <rPh sb="13" eb="15">
      <t>キソ</t>
    </rPh>
    <phoneticPr fontId="6"/>
  </si>
  <si>
    <t>主燃料槽</t>
    <rPh sb="0" eb="1">
      <t>シュ</t>
    </rPh>
    <rPh sb="1" eb="3">
      <t>ネンリョウ</t>
    </rPh>
    <rPh sb="3" eb="4">
      <t>ソウ</t>
    </rPh>
    <phoneticPr fontId="6"/>
  </si>
  <si>
    <t>主燃料槽を計上したか。</t>
    <rPh sb="0" eb="1">
      <t>シュ</t>
    </rPh>
    <rPh sb="1" eb="3">
      <t>ネンリョウ</t>
    </rPh>
    <rPh sb="3" eb="4">
      <t>ソウ</t>
    </rPh>
    <phoneticPr fontId="6"/>
  </si>
  <si>
    <t>工事範囲を確認したか。　（○基礎）</t>
    <rPh sb="0" eb="2">
      <t>コウジ</t>
    </rPh>
    <rPh sb="2" eb="4">
      <t>ハンイ</t>
    </rPh>
    <rPh sb="5" eb="7">
      <t>カクニン</t>
    </rPh>
    <rPh sb="14" eb="16">
      <t>キソ</t>
    </rPh>
    <phoneticPr fontId="6"/>
  </si>
  <si>
    <t>分電盤・OA盤・実験盤</t>
    <phoneticPr fontId="6"/>
  </si>
  <si>
    <t>種別及び形式を確認したか。</t>
    <phoneticPr fontId="6"/>
  </si>
  <si>
    <t>入力電源の電気方式（種別、相線、電圧）を確認したか。</t>
    <phoneticPr fontId="6"/>
  </si>
  <si>
    <t>主幹器具の定格電流、定格遮断電流及び極数を確認したか。</t>
    <phoneticPr fontId="6"/>
  </si>
  <si>
    <t>制御盤</t>
    <phoneticPr fontId="6"/>
  </si>
  <si>
    <t>器具の定格電流及び極数を確認したか。</t>
    <phoneticPr fontId="6"/>
  </si>
  <si>
    <t>接地極</t>
    <phoneticPr fontId="6"/>
  </si>
  <si>
    <t>コンデンサ盤</t>
    <phoneticPr fontId="6"/>
  </si>
  <si>
    <t>低圧スイッチギヤ</t>
    <phoneticPr fontId="6"/>
  </si>
  <si>
    <t>蓄電池</t>
    <phoneticPr fontId="6"/>
  </si>
  <si>
    <t>整流装置</t>
    <phoneticPr fontId="6"/>
  </si>
  <si>
    <t>形式</t>
    <phoneticPr fontId="6"/>
  </si>
  <si>
    <t>並列盤</t>
    <phoneticPr fontId="6"/>
  </si>
  <si>
    <t>切替盤</t>
    <phoneticPr fontId="6"/>
  </si>
  <si>
    <t>保守バイパス盤</t>
    <phoneticPr fontId="6"/>
  </si>
  <si>
    <t>特記事項を確認したか。</t>
    <phoneticPr fontId="6"/>
  </si>
  <si>
    <t>運転方式</t>
    <phoneticPr fontId="6"/>
  </si>
  <si>
    <t>発電機</t>
    <phoneticPr fontId="6"/>
  </si>
  <si>
    <t>原動機</t>
    <phoneticPr fontId="6"/>
  </si>
  <si>
    <t>配電盤</t>
    <phoneticPr fontId="6"/>
  </si>
  <si>
    <t>形式を確認したか。</t>
    <phoneticPr fontId="6"/>
  </si>
  <si>
    <t>（b）インターホン</t>
    <phoneticPr fontId="6"/>
  </si>
  <si>
    <t>カメラ</t>
    <phoneticPr fontId="6"/>
  </si>
  <si>
    <t>カーゲート</t>
    <phoneticPr fontId="6"/>
  </si>
  <si>
    <t>カードリーダ</t>
    <phoneticPr fontId="6"/>
  </si>
  <si>
    <t>センサ</t>
    <phoneticPr fontId="6"/>
  </si>
  <si>
    <t>セキュリティゲート</t>
    <phoneticPr fontId="6"/>
  </si>
  <si>
    <t>（範囲：　　　　　　　　　　　　　　　　　　）</t>
    <phoneticPr fontId="6"/>
  </si>
  <si>
    <t>他工事との工事区分を確認したか。</t>
    <phoneticPr fontId="6"/>
  </si>
  <si>
    <t>監視点数を確認したか。</t>
    <phoneticPr fontId="6"/>
  </si>
  <si>
    <t>配管配線</t>
    <phoneticPr fontId="6"/>
  </si>
  <si>
    <t>特記された配管等支持材、金具等を計上したか。</t>
    <phoneticPr fontId="6"/>
  </si>
  <si>
    <t>プルボックス</t>
    <phoneticPr fontId="6"/>
  </si>
  <si>
    <t>ケーブルラック</t>
    <phoneticPr fontId="6"/>
  </si>
  <si>
    <t>バスダクト</t>
    <phoneticPr fontId="6"/>
  </si>
  <si>
    <t>（４）接地工事</t>
    <phoneticPr fontId="6"/>
  </si>
  <si>
    <t>他工事と重複する部分の工事区分を確認したか。</t>
    <phoneticPr fontId="6"/>
  </si>
  <si>
    <t>掘削方法は妥当か。</t>
    <phoneticPr fontId="6"/>
  </si>
  <si>
    <t>掘削機械運搬</t>
    <phoneticPr fontId="6"/>
  </si>
  <si>
    <t>掘削機械の運搬費を計上したか。</t>
    <phoneticPr fontId="6"/>
  </si>
  <si>
    <t>・内部構成機器（主幹、分岐ブレーカ、リレー等）の個数、容量等</t>
    <phoneticPr fontId="8"/>
  </si>
  <si>
    <t>・照明制御関係のリレーユニット</t>
    <phoneticPr fontId="8"/>
  </si>
  <si>
    <t>・ＯＡ盤の端子部</t>
    <phoneticPr fontId="8"/>
  </si>
  <si>
    <t>接続材を計上したか。</t>
    <phoneticPr fontId="6"/>
  </si>
  <si>
    <t>　○　計測　　　○　１台当たりの計算</t>
    <phoneticPr fontId="8"/>
  </si>
  <si>
    <t>マイクロホンスタンド</t>
    <phoneticPr fontId="6"/>
  </si>
  <si>
    <t>（７）テレビ共同受信設備</t>
    <phoneticPr fontId="6"/>
  </si>
  <si>
    <t>（８）監視カメラ設備</t>
    <phoneticPr fontId="6"/>
  </si>
  <si>
    <t>（９）駐車場管制設備</t>
    <phoneticPr fontId="6"/>
  </si>
  <si>
    <t>ループコイル</t>
    <phoneticPr fontId="7"/>
  </si>
  <si>
    <t>　○　本工事　　　○　別途工事</t>
    <phoneticPr fontId="6"/>
  </si>
  <si>
    <t>　</t>
    <phoneticPr fontId="6"/>
  </si>
  <si>
    <t>接続箱</t>
    <phoneticPr fontId="7"/>
  </si>
  <si>
    <t>マイクロホン</t>
    <phoneticPr fontId="7"/>
  </si>
  <si>
    <t>（12）監視カメラ設備</t>
    <phoneticPr fontId="6"/>
  </si>
  <si>
    <t>（15）火災報知設備</t>
    <phoneticPr fontId="6"/>
  </si>
  <si>
    <t>管理技術者:</t>
    <rPh sb="0" eb="2">
      <t>カンリ</t>
    </rPh>
    <rPh sb="2" eb="5">
      <t>ギジュツシャ</t>
    </rPh>
    <phoneticPr fontId="6"/>
  </si>
  <si>
    <t>主任担当技術者（積算）:</t>
    <rPh sb="0" eb="2">
      <t>シュニン</t>
    </rPh>
    <rPh sb="4" eb="7">
      <t>ギジュツシャ</t>
    </rPh>
    <rPh sb="8" eb="10">
      <t>セキサン</t>
    </rPh>
    <phoneticPr fontId="6"/>
  </si>
  <si>
    <t>担当技術者（積算）:</t>
    <rPh sb="0" eb="2">
      <t>タントウ</t>
    </rPh>
    <rPh sb="2" eb="5">
      <t>ギジュツシャ</t>
    </rPh>
    <phoneticPr fontId="6"/>
  </si>
  <si>
    <t>（３）電力貯蔵装置</t>
    <rPh sb="3" eb="5">
      <t>デンリョク</t>
    </rPh>
    <rPh sb="5" eb="7">
      <t>チョゾウ</t>
    </rPh>
    <rPh sb="7" eb="9">
      <t>ソウチ</t>
    </rPh>
    <phoneticPr fontId="6"/>
  </si>
  <si>
    <t>（ｃ）ガス漏れ火災警報装置</t>
    <rPh sb="5" eb="6">
      <t>モ</t>
    </rPh>
    <rPh sb="7" eb="9">
      <t>カサイ</t>
    </rPh>
    <rPh sb="9" eb="11">
      <t>ケイホウ</t>
    </rPh>
    <rPh sb="11" eb="13">
      <t>ソウチ</t>
    </rPh>
    <phoneticPr fontId="6"/>
  </si>
  <si>
    <t>発熱線等</t>
    <rPh sb="0" eb="2">
      <t>ハツネツ</t>
    </rPh>
    <rPh sb="2" eb="3">
      <t>セン</t>
    </rPh>
    <rPh sb="3" eb="4">
      <t>トウ</t>
    </rPh>
    <phoneticPr fontId="6"/>
  </si>
  <si>
    <t>温度センサ等</t>
    <rPh sb="0" eb="2">
      <t>オンド</t>
    </rPh>
    <rPh sb="5" eb="6">
      <t>トウ</t>
    </rPh>
    <phoneticPr fontId="7"/>
  </si>
  <si>
    <t>試験用接続端子箱</t>
    <rPh sb="0" eb="2">
      <t>シケン</t>
    </rPh>
    <rPh sb="2" eb="3">
      <t>ヨウ</t>
    </rPh>
    <rPh sb="3" eb="5">
      <t>セツゾク</t>
    </rPh>
    <phoneticPr fontId="6"/>
  </si>
  <si>
    <t>突針及び突針支持管</t>
    <rPh sb="0" eb="1">
      <t>トツ</t>
    </rPh>
    <rPh sb="1" eb="2">
      <t>シン</t>
    </rPh>
    <rPh sb="2" eb="3">
      <t>オヨ</t>
    </rPh>
    <rPh sb="4" eb="5">
      <t>トツ</t>
    </rPh>
    <rPh sb="5" eb="6">
      <t>ハリ</t>
    </rPh>
    <rPh sb="6" eb="8">
      <t>シジ</t>
    </rPh>
    <rPh sb="8" eb="9">
      <t>カン</t>
    </rPh>
    <phoneticPr fontId="6"/>
  </si>
  <si>
    <t>高圧スイッチギア</t>
    <rPh sb="0" eb="2">
      <t>コウアツ</t>
    </rPh>
    <phoneticPr fontId="6"/>
  </si>
  <si>
    <t>形式（PF･S形/CB形）を確認したか。</t>
    <rPh sb="7" eb="8">
      <t>ガタ</t>
    </rPh>
    <rPh sb="11" eb="12">
      <t>ガタ</t>
    </rPh>
    <phoneticPr fontId="6"/>
  </si>
  <si>
    <t>形式（CX/CW/PW形）を確認したか。</t>
    <rPh sb="11" eb="12">
      <t>ガタ</t>
    </rPh>
    <phoneticPr fontId="6"/>
  </si>
  <si>
    <t>形式及び変圧器仕様を確認したか。</t>
    <rPh sb="2" eb="3">
      <t>オヨ</t>
    </rPh>
    <phoneticPr fontId="6"/>
  </si>
  <si>
    <t>形式及びコンデンサ及びリアクトルの仕様を確認したか。</t>
    <rPh sb="2" eb="3">
      <t>オヨ</t>
    </rPh>
    <phoneticPr fontId="6"/>
  </si>
  <si>
    <t>ダイヤル温度計</t>
    <rPh sb="4" eb="7">
      <t>オンドケイ</t>
    </rPh>
    <phoneticPr fontId="8"/>
  </si>
  <si>
    <t>形式及び端子数を確認したか。</t>
    <rPh sb="2" eb="3">
      <t>オヨ</t>
    </rPh>
    <rPh sb="4" eb="7">
      <t>タンシスウ</t>
    </rPh>
    <phoneticPr fontId="6"/>
  </si>
  <si>
    <t>蓄電池等</t>
    <rPh sb="0" eb="3">
      <t>チクデンチ</t>
    </rPh>
    <rPh sb="3" eb="4">
      <t>トウ</t>
    </rPh>
    <phoneticPr fontId="6"/>
  </si>
  <si>
    <t>配管材料等</t>
    <rPh sb="0" eb="2">
      <t>ハイカン</t>
    </rPh>
    <rPh sb="2" eb="4">
      <t>ザイリョウ</t>
    </rPh>
    <rPh sb="4" eb="5">
      <t>トウ</t>
    </rPh>
    <phoneticPr fontId="6"/>
  </si>
  <si>
    <t>補機付属装置等</t>
    <rPh sb="6" eb="7">
      <t>トウ</t>
    </rPh>
    <phoneticPr fontId="6"/>
  </si>
  <si>
    <t>燃料小出槽</t>
    <rPh sb="0" eb="2">
      <t>ネンリョウ</t>
    </rPh>
    <rPh sb="2" eb="4">
      <t>オデ</t>
    </rPh>
    <rPh sb="4" eb="5">
      <t>ソウ</t>
    </rPh>
    <phoneticPr fontId="6"/>
  </si>
  <si>
    <t>材質、傾斜角度、基礎、規格及び設置可能面積を確認したか。</t>
    <rPh sb="0" eb="2">
      <t>ザイシツ</t>
    </rPh>
    <rPh sb="3" eb="5">
      <t>ケイシャ</t>
    </rPh>
    <rPh sb="5" eb="7">
      <t>カクド</t>
    </rPh>
    <rPh sb="8" eb="10">
      <t>キソ</t>
    </rPh>
    <rPh sb="11" eb="13">
      <t>キカク</t>
    </rPh>
    <rPh sb="13" eb="14">
      <t>オヨ</t>
    </rPh>
    <rPh sb="15" eb="17">
      <t>セッチ</t>
    </rPh>
    <rPh sb="17" eb="19">
      <t>カノウ</t>
    </rPh>
    <rPh sb="19" eb="21">
      <t>メンセキ</t>
    </rPh>
    <rPh sb="22" eb="24">
      <t>カクニン</t>
    </rPh>
    <phoneticPr fontId="6"/>
  </si>
  <si>
    <t>風車発電装置</t>
    <rPh sb="0" eb="2">
      <t>フウシャ</t>
    </rPh>
    <rPh sb="2" eb="4">
      <t>ハツデン</t>
    </rPh>
    <rPh sb="4" eb="6">
      <t>ソウチ</t>
    </rPh>
    <phoneticPr fontId="6"/>
  </si>
  <si>
    <t>制御盤</t>
    <rPh sb="0" eb="2">
      <t>セイギョ</t>
    </rPh>
    <rPh sb="2" eb="3">
      <t>バン</t>
    </rPh>
    <phoneticPr fontId="6"/>
  </si>
  <si>
    <t>機器収納ラック</t>
    <rPh sb="0" eb="2">
      <t>キキ</t>
    </rPh>
    <rPh sb="2" eb="4">
      <t>シュウノウ</t>
    </rPh>
    <phoneticPr fontId="6"/>
  </si>
  <si>
    <t>交換装置</t>
    <rPh sb="2" eb="4">
      <t>ソウチ</t>
    </rPh>
    <phoneticPr fontId="6"/>
  </si>
  <si>
    <t>電話機等</t>
    <rPh sb="3" eb="4">
      <t>トウ</t>
    </rPh>
    <phoneticPr fontId="6"/>
  </si>
  <si>
    <t>工事範囲を確認したか。</t>
    <rPh sb="0" eb="2">
      <t>コウジ</t>
    </rPh>
    <rPh sb="2" eb="4">
      <t>ハンイ</t>
    </rPh>
    <rPh sb="5" eb="7">
      <t>カクニン</t>
    </rPh>
    <phoneticPr fontId="6"/>
  </si>
  <si>
    <t>　交換装置</t>
    <rPh sb="1" eb="3">
      <t>コウカン</t>
    </rPh>
    <rPh sb="3" eb="5">
      <t>ソウチ</t>
    </rPh>
    <phoneticPr fontId="6"/>
  </si>
  <si>
    <t>　電話機等</t>
    <rPh sb="1" eb="4">
      <t>デンワキ</t>
    </rPh>
    <rPh sb="4" eb="5">
      <t>トウ</t>
    </rPh>
    <phoneticPr fontId="6"/>
  </si>
  <si>
    <t>機器</t>
    <rPh sb="0" eb="2">
      <t>キキ</t>
    </rPh>
    <phoneticPr fontId="7"/>
  </si>
  <si>
    <t>モニタ装置</t>
    <rPh sb="3" eb="5">
      <t>ソウチ</t>
    </rPh>
    <phoneticPr fontId="6"/>
  </si>
  <si>
    <t>　モニタ装置</t>
    <rPh sb="4" eb="6">
      <t>ソウチ</t>
    </rPh>
    <phoneticPr fontId="6"/>
  </si>
  <si>
    <t>　録画装置</t>
    <rPh sb="1" eb="3">
      <t>ロクガ</t>
    </rPh>
    <rPh sb="3" eb="5">
      <t>ソウチ</t>
    </rPh>
    <phoneticPr fontId="6"/>
  </si>
  <si>
    <t>掘削・埋戻の工事範囲の確認をしたか。</t>
    <rPh sb="0" eb="2">
      <t>クッサク</t>
    </rPh>
    <rPh sb="3" eb="4">
      <t>ウ</t>
    </rPh>
    <rPh sb="4" eb="5">
      <t>モド</t>
    </rPh>
    <rPh sb="6" eb="8">
      <t>コウジ</t>
    </rPh>
    <rPh sb="8" eb="10">
      <t>ハンイ</t>
    </rPh>
    <rPh sb="11" eb="13">
      <t>カクニン</t>
    </rPh>
    <phoneticPr fontId="6"/>
  </si>
  <si>
    <t>　映像切換器・映像分配器</t>
    <rPh sb="1" eb="3">
      <t>エイゾウ</t>
    </rPh>
    <rPh sb="3" eb="5">
      <t>キリカエ</t>
    </rPh>
    <rPh sb="5" eb="6">
      <t>ウツワ</t>
    </rPh>
    <rPh sb="7" eb="9">
      <t>エイゾウ</t>
    </rPh>
    <rPh sb="9" eb="11">
      <t>ブンパイ</t>
    </rPh>
    <rPh sb="11" eb="12">
      <t>キ</t>
    </rPh>
    <phoneticPr fontId="6"/>
  </si>
  <si>
    <t>変圧器盤</t>
    <rPh sb="0" eb="3">
      <t>ヘンアツキ</t>
    </rPh>
    <rPh sb="3" eb="4">
      <t>バン</t>
    </rPh>
    <phoneticPr fontId="6"/>
  </si>
  <si>
    <t>コンデンサ盤</t>
    <rPh sb="5" eb="6">
      <t>バン</t>
    </rPh>
    <phoneticPr fontId="6"/>
  </si>
  <si>
    <t>低圧スイッチギア</t>
    <rPh sb="0" eb="2">
      <t>テイアツ</t>
    </rPh>
    <phoneticPr fontId="6"/>
  </si>
  <si>
    <t>直流電源装置</t>
    <rPh sb="0" eb="2">
      <t>チョクリュウ</t>
    </rPh>
    <rPh sb="2" eb="4">
      <t>デンゲン</t>
    </rPh>
    <rPh sb="4" eb="6">
      <t>ソウチ</t>
    </rPh>
    <phoneticPr fontId="8"/>
  </si>
  <si>
    <t>交換装置</t>
    <rPh sb="0" eb="2">
      <t>コウカン</t>
    </rPh>
    <rPh sb="2" eb="4">
      <t>ソウチ</t>
    </rPh>
    <phoneticPr fontId="8"/>
  </si>
  <si>
    <t>電話機等</t>
    <rPh sb="0" eb="3">
      <t>デンワキ</t>
    </rPh>
    <rPh sb="3" eb="4">
      <t>トウ</t>
    </rPh>
    <phoneticPr fontId="8"/>
  </si>
  <si>
    <t>搬入基準単価の構成との確認を行ったか。</t>
    <rPh sb="0" eb="2">
      <t>ハンニュウ</t>
    </rPh>
    <rPh sb="2" eb="4">
      <t>キジュン</t>
    </rPh>
    <rPh sb="4" eb="6">
      <t>タンカ</t>
    </rPh>
    <rPh sb="7" eb="9">
      <t>コウセイ</t>
    </rPh>
    <rPh sb="11" eb="13">
      <t>カクニン</t>
    </rPh>
    <rPh sb="14" eb="15">
      <t>オコナ</t>
    </rPh>
    <phoneticPr fontId="6"/>
  </si>
  <si>
    <t>担当者名</t>
    <rPh sb="0" eb="4">
      <t>タントウシャメイ</t>
    </rPh>
    <phoneticPr fontId="6"/>
  </si>
  <si>
    <t>チェック項目</t>
    <phoneticPr fontId="6"/>
  </si>
  <si>
    <t>チェック項目</t>
    <phoneticPr fontId="6"/>
  </si>
  <si>
    <t>　燃料移送ポンプ</t>
    <rPh sb="1" eb="3">
      <t>ネンリョウ</t>
    </rPh>
    <rPh sb="3" eb="5">
      <t>イソウ</t>
    </rPh>
    <phoneticPr fontId="6"/>
  </si>
  <si>
    <t>　直流電源装置</t>
    <rPh sb="1" eb="3">
      <t>チョクリュウ</t>
    </rPh>
    <rPh sb="3" eb="5">
      <t>デンゲン</t>
    </rPh>
    <rPh sb="5" eb="7">
      <t>ソウチ</t>
    </rPh>
    <phoneticPr fontId="6"/>
  </si>
  <si>
    <t>リナンバーリングを行ったか。</t>
  </si>
  <si>
    <t>埋設標を計上したか。</t>
    <rPh sb="0" eb="2">
      <t>マイセツ</t>
    </rPh>
    <rPh sb="2" eb="3">
      <t>ヒョウ</t>
    </rPh>
    <phoneticPr fontId="6"/>
  </si>
  <si>
    <t>歩掛を確認したか。</t>
    <phoneticPr fontId="6"/>
  </si>
  <si>
    <t>機側配線工事は計上されているか。</t>
    <rPh sb="0" eb="2">
      <t>キソク</t>
    </rPh>
    <rPh sb="2" eb="4">
      <t>ハイセン</t>
    </rPh>
    <rPh sb="4" eb="6">
      <t>コウジ</t>
    </rPh>
    <rPh sb="7" eb="9">
      <t>ケイジョウ</t>
    </rPh>
    <phoneticPr fontId="6"/>
  </si>
  <si>
    <t>油配管工事は計上されているか。</t>
    <rPh sb="0" eb="1">
      <t>アブラ</t>
    </rPh>
    <rPh sb="1" eb="3">
      <t>ハイカン</t>
    </rPh>
    <rPh sb="3" eb="5">
      <t>コウジ</t>
    </rPh>
    <rPh sb="6" eb="8">
      <t>ケイジョウ</t>
    </rPh>
    <phoneticPr fontId="6"/>
  </si>
  <si>
    <t>排気管工事は計上されているか。</t>
    <rPh sb="0" eb="2">
      <t>ハイキ</t>
    </rPh>
    <rPh sb="2" eb="3">
      <t>カン</t>
    </rPh>
    <rPh sb="3" eb="5">
      <t>コウジ</t>
    </rPh>
    <rPh sb="6" eb="8">
      <t>ケイジョウ</t>
    </rPh>
    <phoneticPr fontId="6"/>
  </si>
  <si>
    <t>電気配線工事は計上されているか。</t>
    <rPh sb="0" eb="2">
      <t>デンキ</t>
    </rPh>
    <rPh sb="2" eb="4">
      <t>ハイセン</t>
    </rPh>
    <rPh sb="4" eb="6">
      <t>コウジ</t>
    </rPh>
    <rPh sb="7" eb="9">
      <t>ケイジョウ</t>
    </rPh>
    <phoneticPr fontId="6"/>
  </si>
  <si>
    <t>立会検査は計上されているか。</t>
    <rPh sb="0" eb="2">
      <t>タチアイ</t>
    </rPh>
    <rPh sb="2" eb="4">
      <t>ケンサ</t>
    </rPh>
    <rPh sb="5" eb="7">
      <t>ケイジョウ</t>
    </rPh>
    <phoneticPr fontId="6"/>
  </si>
  <si>
    <t xml:space="preserve"> </t>
    <phoneticPr fontId="6"/>
  </si>
  <si>
    <t xml:space="preserve">  </t>
    <phoneticPr fontId="6"/>
  </si>
  <si>
    <t xml:space="preserve"> </t>
    <phoneticPr fontId="6"/>
  </si>
  <si>
    <t>（５）搬入費</t>
    <rPh sb="5" eb="6">
      <t>ヒ</t>
    </rPh>
    <phoneticPr fontId="6"/>
  </si>
  <si>
    <t>搬入費</t>
    <rPh sb="2" eb="3">
      <t>ヒ</t>
    </rPh>
    <phoneticPr fontId="6"/>
  </si>
  <si>
    <t>（11）火災報知設備</t>
    <rPh sb="4" eb="6">
      <t>カサイ</t>
    </rPh>
    <rPh sb="6" eb="8">
      <t>ホウチ</t>
    </rPh>
    <rPh sb="8" eb="10">
      <t>セツビ</t>
    </rPh>
    <phoneticPr fontId="6"/>
  </si>
  <si>
    <t>（12）中央監視制御設備</t>
    <rPh sb="4" eb="8">
      <t>チュウオウカンシ</t>
    </rPh>
    <rPh sb="8" eb="10">
      <t>セイギョ</t>
    </rPh>
    <rPh sb="10" eb="12">
      <t>セツビ</t>
    </rPh>
    <phoneticPr fontId="6"/>
  </si>
  <si>
    <t>テレビインターホン</t>
    <phoneticPr fontId="8"/>
  </si>
  <si>
    <t>業務名</t>
    <rPh sb="0" eb="3">
      <t>ギョウムメイ</t>
    </rPh>
    <phoneticPr fontId="6"/>
  </si>
  <si>
    <t>施設名</t>
    <rPh sb="0" eb="3">
      <t>シセツメイ</t>
    </rPh>
    <phoneticPr fontId="6"/>
  </si>
  <si>
    <t>業務受注者名</t>
    <rPh sb="0" eb="2">
      <t>ギョウム</t>
    </rPh>
    <rPh sb="2" eb="5">
      <t>ジュチュウシャ</t>
    </rPh>
    <rPh sb="5" eb="6">
      <t>メイ</t>
    </rPh>
    <phoneticPr fontId="6"/>
  </si>
  <si>
    <t>部材の仕様は、図面と違いがないか確認したか。</t>
    <rPh sb="0" eb="2">
      <t>ブザイ</t>
    </rPh>
    <rPh sb="3" eb="5">
      <t>シヨウ</t>
    </rPh>
    <rPh sb="7" eb="9">
      <t>ズメン</t>
    </rPh>
    <rPh sb="10" eb="11">
      <t>チガ</t>
    </rPh>
    <rPh sb="16" eb="18">
      <t>カクニン</t>
    </rPh>
    <phoneticPr fontId="7"/>
  </si>
  <si>
    <t>換気扇等の結線費を計上したか。</t>
    <rPh sb="0" eb="3">
      <t>カンキセン</t>
    </rPh>
    <rPh sb="3" eb="4">
      <t>トウ</t>
    </rPh>
    <rPh sb="5" eb="8">
      <t>ケッセンヒ</t>
    </rPh>
    <rPh sb="9" eb="11">
      <t>ケイジョウ</t>
    </rPh>
    <phoneticPr fontId="7"/>
  </si>
  <si>
    <t>　インターホン親機</t>
    <rPh sb="7" eb="9">
      <t>オヤキ</t>
    </rPh>
    <phoneticPr fontId="6"/>
  </si>
  <si>
    <t>　インターホン子機</t>
    <rPh sb="7" eb="9">
      <t>コキ</t>
    </rPh>
    <phoneticPr fontId="6"/>
  </si>
  <si>
    <t>マンホール・ハンドホール</t>
    <phoneticPr fontId="6"/>
  </si>
  <si>
    <t>パワーコンディショナー</t>
    <phoneticPr fontId="8"/>
  </si>
  <si>
    <t>キュービクル式配電盤</t>
    <rPh sb="6" eb="7">
      <t>シキ</t>
    </rPh>
    <rPh sb="7" eb="10">
      <t>ハイデンバン</t>
    </rPh>
    <phoneticPr fontId="6"/>
  </si>
  <si>
    <t>エレベーター用
インターホン</t>
    <phoneticPr fontId="8"/>
  </si>
  <si>
    <t>ケーブル敷設</t>
    <rPh sb="4" eb="6">
      <t>フセツ</t>
    </rPh>
    <phoneticPr fontId="6"/>
  </si>
  <si>
    <t>記号、形式、ポール高さ、材質等を確認したか。</t>
    <rPh sb="0" eb="2">
      <t>キゴウ</t>
    </rPh>
    <rPh sb="3" eb="5">
      <t>ケイシキ</t>
    </rPh>
    <rPh sb="9" eb="10">
      <t>タカ</t>
    </rPh>
    <rPh sb="12" eb="14">
      <t>ザイシツ</t>
    </rPh>
    <rPh sb="14" eb="15">
      <t>トウ</t>
    </rPh>
    <rPh sb="16" eb="18">
      <t>カクニン</t>
    </rPh>
    <phoneticPr fontId="8"/>
  </si>
  <si>
    <t>防油堤</t>
    <rPh sb="0" eb="1">
      <t>ボウ</t>
    </rPh>
    <rPh sb="1" eb="2">
      <t>アブラ</t>
    </rPh>
    <rPh sb="2" eb="3">
      <t>テイ</t>
    </rPh>
    <phoneticPr fontId="6"/>
  </si>
  <si>
    <t>防油堤を計上したか。</t>
    <rPh sb="0" eb="1">
      <t>ボウ</t>
    </rPh>
    <rPh sb="1" eb="2">
      <t>アブラ</t>
    </rPh>
    <rPh sb="2" eb="3">
      <t>テイ</t>
    </rPh>
    <phoneticPr fontId="6"/>
  </si>
  <si>
    <t>通信制御装置
(HUB、ルータ類）</t>
    <rPh sb="0" eb="2">
      <t>ツウシン</t>
    </rPh>
    <rPh sb="2" eb="4">
      <t>セイギョ</t>
    </rPh>
    <rPh sb="4" eb="6">
      <t>ソウチ</t>
    </rPh>
    <rPh sb="15" eb="16">
      <t>ルイ</t>
    </rPh>
    <phoneticPr fontId="8"/>
  </si>
  <si>
    <t>HUB、ルータ類</t>
    <rPh sb="7" eb="8">
      <t>ルイ</t>
    </rPh>
    <phoneticPr fontId="8"/>
  </si>
  <si>
    <t>（ｂ）インターホン装置</t>
    <rPh sb="9" eb="11">
      <t>ソウチ</t>
    </rPh>
    <phoneticPr fontId="6"/>
  </si>
  <si>
    <t>・モニタ種類等を確認したか。</t>
    <rPh sb="4" eb="6">
      <t>シュルイ</t>
    </rPh>
    <rPh sb="6" eb="7">
      <t>トウ</t>
    </rPh>
    <rPh sb="8" eb="10">
      <t>カクニン</t>
    </rPh>
    <phoneticPr fontId="8"/>
  </si>
  <si>
    <t>（ｃ）トイレ呼出装置</t>
    <rPh sb="6" eb="8">
      <t>ヨビダシ</t>
    </rPh>
    <rPh sb="8" eb="10">
      <t>ソウチ</t>
    </rPh>
    <phoneticPr fontId="6"/>
  </si>
  <si>
    <t>監視カメラ</t>
    <phoneticPr fontId="6"/>
  </si>
  <si>
    <t>・ハウジングに付加する機能及び取付方法を確認したか。</t>
    <rPh sb="7" eb="9">
      <t>フカ</t>
    </rPh>
    <rPh sb="11" eb="13">
      <t>キノウ</t>
    </rPh>
    <rPh sb="13" eb="14">
      <t>オヨ</t>
    </rPh>
    <rPh sb="15" eb="17">
      <t>トリツケ</t>
    </rPh>
    <rPh sb="17" eb="19">
      <t>ホウホウ</t>
    </rPh>
    <rPh sb="20" eb="22">
      <t>カクニン</t>
    </rPh>
    <phoneticPr fontId="8"/>
  </si>
  <si>
    <t>・モニタの種別、寸法等を確認したか。</t>
    <rPh sb="5" eb="7">
      <t>シュベツ</t>
    </rPh>
    <rPh sb="8" eb="11">
      <t>スンポウナド</t>
    </rPh>
    <rPh sb="12" eb="14">
      <t>カクニン</t>
    </rPh>
    <phoneticPr fontId="8"/>
  </si>
  <si>
    <t>（３）区画貫通処理</t>
    <phoneticPr fontId="6"/>
  </si>
  <si>
    <t>（６）土工事</t>
    <phoneticPr fontId="6"/>
  </si>
  <si>
    <t>（７）コンクリート工事</t>
    <phoneticPr fontId="6"/>
  </si>
  <si>
    <t>２．電力設備</t>
    <phoneticPr fontId="6"/>
  </si>
  <si>
    <t>（１）電灯設備</t>
    <phoneticPr fontId="6"/>
  </si>
  <si>
    <t>（２）動力設備</t>
    <phoneticPr fontId="6"/>
  </si>
  <si>
    <t>３．通信・情報設備</t>
    <phoneticPr fontId="6"/>
  </si>
  <si>
    <t>（１）構内情報通信網設備</t>
    <phoneticPr fontId="6"/>
  </si>
  <si>
    <t>（２）構内交換設備</t>
    <phoneticPr fontId="6"/>
  </si>
  <si>
    <t>CDプレーヤ
アナウンスレコーダ等</t>
    <rPh sb="16" eb="17">
      <t>トウ</t>
    </rPh>
    <phoneticPr fontId="6"/>
  </si>
  <si>
    <t>４．屋外</t>
    <phoneticPr fontId="6"/>
  </si>
  <si>
    <t>（１）構内配電線路</t>
    <phoneticPr fontId="6"/>
  </si>
  <si>
    <t>（２）構内通信線路</t>
    <phoneticPr fontId="6"/>
  </si>
  <si>
    <t>（３）電波障害防除設備</t>
    <phoneticPr fontId="6"/>
  </si>
  <si>
    <t>５．その他</t>
    <phoneticPr fontId="6"/>
  </si>
  <si>
    <t>（４）発電設備</t>
    <phoneticPr fontId="6"/>
  </si>
  <si>
    <t>（８）映像・音響装置</t>
    <phoneticPr fontId="6"/>
  </si>
  <si>
    <t>（11）テレビ共同受信設備</t>
    <phoneticPr fontId="6"/>
  </si>
  <si>
    <t>（13）駐車場管制設備</t>
    <phoneticPr fontId="6"/>
  </si>
  <si>
    <t>　設計図書</t>
    <rPh sb="1" eb="3">
      <t>セッケイ</t>
    </rPh>
    <rPh sb="3" eb="5">
      <t>トショ</t>
    </rPh>
    <phoneticPr fontId="21"/>
  </si>
  <si>
    <t>　　・現場説明書</t>
    <rPh sb="3" eb="5">
      <t>ゲンバ</t>
    </rPh>
    <rPh sb="5" eb="8">
      <t>セツメイショ</t>
    </rPh>
    <phoneticPr fontId="21"/>
  </si>
  <si>
    <t>　　・図面及び現場説明書に対する質問回答</t>
    <rPh sb="3" eb="5">
      <t>ズメン</t>
    </rPh>
    <rPh sb="5" eb="6">
      <t>オヨ</t>
    </rPh>
    <rPh sb="7" eb="9">
      <t>ゲンバ</t>
    </rPh>
    <rPh sb="9" eb="12">
      <t>セツメイショ</t>
    </rPh>
    <rPh sb="13" eb="14">
      <t>タイ</t>
    </rPh>
    <rPh sb="16" eb="18">
      <t>シツモン</t>
    </rPh>
    <rPh sb="18" eb="20">
      <t>カイトウ</t>
    </rPh>
    <phoneticPr fontId="21"/>
  </si>
  <si>
    <t>数量</t>
    <rPh sb="0" eb="2">
      <t>スウリョウ</t>
    </rPh>
    <phoneticPr fontId="20"/>
  </si>
  <si>
    <t>設計寸法</t>
    <rPh sb="0" eb="2">
      <t>セッケイ</t>
    </rPh>
    <rPh sb="2" eb="4">
      <t>スンポウ</t>
    </rPh>
    <phoneticPr fontId="20"/>
  </si>
  <si>
    <t>単位</t>
    <rPh sb="0" eb="2">
      <t>タンイ</t>
    </rPh>
    <phoneticPr fontId="20"/>
  </si>
  <si>
    <t>長さ、面積、体積及び質量の単位は、原則としてｍ、㎡、㎥、㎏及びｔとし、機器の単位は、基、面、台、個、組等としたか。また少量の改修が点在する場合の数量は、か所等の適切な単位としたか。</t>
    <rPh sb="80" eb="82">
      <t>テキセツ</t>
    </rPh>
    <rPh sb="83" eb="85">
      <t>タンイ</t>
    </rPh>
    <phoneticPr fontId="19"/>
  </si>
  <si>
    <t>端数処理</t>
    <rPh sb="0" eb="2">
      <t>ハスウ</t>
    </rPh>
    <rPh sb="2" eb="4">
      <t>ショリ</t>
    </rPh>
    <phoneticPr fontId="19"/>
  </si>
  <si>
    <t>端数処理は、四捨五入としたか。</t>
    <rPh sb="0" eb="2">
      <t>ハスウ</t>
    </rPh>
    <rPh sb="2" eb="4">
      <t>ショリ</t>
    </rPh>
    <rPh sb="6" eb="10">
      <t>シシャゴニュウ</t>
    </rPh>
    <phoneticPr fontId="19"/>
  </si>
  <si>
    <t>有効数値</t>
    <rPh sb="0" eb="2">
      <t>ユウコウ</t>
    </rPh>
    <rPh sb="2" eb="4">
      <t>スウチ</t>
    </rPh>
    <phoneticPr fontId="21"/>
  </si>
  <si>
    <t>長さは、小数点以下第１位とし、面積、体積及び質量は、小数点以下第２位としたか。</t>
    <phoneticPr fontId="21"/>
  </si>
  <si>
    <t>工事費内訳書の数量</t>
    <phoneticPr fontId="21"/>
  </si>
  <si>
    <t>原則として小数点以下第１位を四捨五入し、整数としたか。</t>
    <phoneticPr fontId="21"/>
  </si>
  <si>
    <t>工事場所</t>
    <rPh sb="0" eb="2">
      <t>コウジ</t>
    </rPh>
    <rPh sb="2" eb="4">
      <t>バショ</t>
    </rPh>
    <phoneticPr fontId="20"/>
  </si>
  <si>
    <t>工事場所を確認したか。</t>
    <rPh sb="0" eb="2">
      <t>コウジ</t>
    </rPh>
    <rPh sb="2" eb="4">
      <t>バショ</t>
    </rPh>
    <rPh sb="5" eb="7">
      <t>カクニン</t>
    </rPh>
    <phoneticPr fontId="20"/>
  </si>
  <si>
    <t>工事種目</t>
  </si>
  <si>
    <t>工事種目を確認したか。</t>
  </si>
  <si>
    <t>工事科目</t>
    <rPh sb="0" eb="2">
      <t>コウジ</t>
    </rPh>
    <rPh sb="2" eb="4">
      <t>カモク</t>
    </rPh>
    <phoneticPr fontId="20"/>
  </si>
  <si>
    <t>工事科目を確認したか。</t>
    <rPh sb="0" eb="2">
      <t>コウジ</t>
    </rPh>
    <rPh sb="2" eb="4">
      <t>カモク</t>
    </rPh>
    <rPh sb="5" eb="7">
      <t>カクニン</t>
    </rPh>
    <phoneticPr fontId="20"/>
  </si>
  <si>
    <t>工期</t>
    <rPh sb="0" eb="2">
      <t>コウキ</t>
    </rPh>
    <phoneticPr fontId="21"/>
  </si>
  <si>
    <t>工期を確認したか。また、工期の始期が設定されている場合は始期も確認したか。</t>
    <rPh sb="0" eb="2">
      <t>コウキ</t>
    </rPh>
    <rPh sb="3" eb="5">
      <t>カクニン</t>
    </rPh>
    <rPh sb="12" eb="14">
      <t>コウキ</t>
    </rPh>
    <rPh sb="15" eb="17">
      <t>シキ</t>
    </rPh>
    <rPh sb="18" eb="20">
      <t>セッテイ</t>
    </rPh>
    <rPh sb="25" eb="27">
      <t>バアイ</t>
    </rPh>
    <rPh sb="28" eb="30">
      <t>シキ</t>
    </rPh>
    <rPh sb="31" eb="33">
      <t>カクニン</t>
    </rPh>
    <phoneticPr fontId="21"/>
  </si>
  <si>
    <t>指定部分</t>
    <rPh sb="0" eb="2">
      <t>シテイ</t>
    </rPh>
    <rPh sb="2" eb="4">
      <t>ブブン</t>
    </rPh>
    <phoneticPr fontId="20"/>
  </si>
  <si>
    <t>　・無し</t>
    <rPh sb="2" eb="3">
      <t>ナ</t>
    </rPh>
    <phoneticPr fontId="20"/>
  </si>
  <si>
    <t>予算区分</t>
    <rPh sb="0" eb="2">
      <t>ヨサン</t>
    </rPh>
    <rPh sb="2" eb="4">
      <t>クブン</t>
    </rPh>
    <phoneticPr fontId="20"/>
  </si>
  <si>
    <t>　・有り　　　　　　範囲：</t>
    <rPh sb="2" eb="3">
      <t>ア</t>
    </rPh>
    <rPh sb="10" eb="12">
      <t>ハンイ</t>
    </rPh>
    <phoneticPr fontId="20"/>
  </si>
  <si>
    <t>関連工事</t>
    <rPh sb="0" eb="2">
      <t>カンレン</t>
    </rPh>
    <rPh sb="2" eb="4">
      <t>コウジ</t>
    </rPh>
    <phoneticPr fontId="20"/>
  </si>
  <si>
    <t>　・有り　 ( ・ 建築工事　 ・ 機械設備工事　　・　　　　　　　 )</t>
    <rPh sb="2" eb="3">
      <t>ア</t>
    </rPh>
    <rPh sb="10" eb="12">
      <t>ケンチク</t>
    </rPh>
    <rPh sb="12" eb="14">
      <t>コウジ</t>
    </rPh>
    <rPh sb="18" eb="20">
      <t>キカイ</t>
    </rPh>
    <rPh sb="20" eb="22">
      <t>セツビ</t>
    </rPh>
    <rPh sb="22" eb="24">
      <t>コウジ</t>
    </rPh>
    <phoneticPr fontId="20"/>
  </si>
  <si>
    <t>発注範囲</t>
    <rPh sb="0" eb="2">
      <t>ハッチュウ</t>
    </rPh>
    <rPh sb="2" eb="4">
      <t>ハンイ</t>
    </rPh>
    <phoneticPr fontId="20"/>
  </si>
  <si>
    <t>　・有り　特記仕様書記載   ( ・ 　　　　　　 ・ 　　　　　 )</t>
    <rPh sb="2" eb="3">
      <t>ア</t>
    </rPh>
    <rPh sb="5" eb="7">
      <t>トッキ</t>
    </rPh>
    <rPh sb="7" eb="10">
      <t>シヨウショ</t>
    </rPh>
    <rPh sb="10" eb="12">
      <t>キサイ</t>
    </rPh>
    <phoneticPr fontId="20"/>
  </si>
  <si>
    <t>　・有り　図面記載　       ( ・ 　　　　　　 ・ 　　　　　 )</t>
    <rPh sb="2" eb="3">
      <t>ア</t>
    </rPh>
    <rPh sb="5" eb="7">
      <t>ズメン</t>
    </rPh>
    <rPh sb="7" eb="9">
      <t>キサイ</t>
    </rPh>
    <phoneticPr fontId="20"/>
  </si>
  <si>
    <t>監督職員事務所</t>
    <rPh sb="0" eb="2">
      <t>カントク</t>
    </rPh>
    <rPh sb="2" eb="4">
      <t>ショクイン</t>
    </rPh>
    <rPh sb="4" eb="7">
      <t>ジムショ</t>
    </rPh>
    <phoneticPr fontId="21"/>
  </si>
  <si>
    <t>監督職員事務所の有無を確認したか。（共通仮設に積み上げ）</t>
    <rPh sb="0" eb="2">
      <t>カントク</t>
    </rPh>
    <rPh sb="2" eb="4">
      <t>ショクイン</t>
    </rPh>
    <rPh sb="4" eb="7">
      <t>ジムショ</t>
    </rPh>
    <rPh sb="8" eb="10">
      <t>ウム</t>
    </rPh>
    <rPh sb="11" eb="13">
      <t>カクニン</t>
    </rPh>
    <rPh sb="18" eb="20">
      <t>キョウツウ</t>
    </rPh>
    <rPh sb="20" eb="22">
      <t>カセツ</t>
    </rPh>
    <rPh sb="23" eb="24">
      <t>ツ</t>
    </rPh>
    <rPh sb="25" eb="26">
      <t>ア</t>
    </rPh>
    <phoneticPr fontId="21"/>
  </si>
  <si>
    <t>　・設けない</t>
    <rPh sb="2" eb="3">
      <t>モウ</t>
    </rPh>
    <phoneticPr fontId="21"/>
  </si>
  <si>
    <t>　・設ける　：既存建物内の一部を使用する。</t>
    <rPh sb="2" eb="3">
      <t>モウ</t>
    </rPh>
    <rPh sb="7" eb="9">
      <t>キゾン</t>
    </rPh>
    <rPh sb="9" eb="11">
      <t>タテモノ</t>
    </rPh>
    <rPh sb="11" eb="12">
      <t>ナイ</t>
    </rPh>
    <rPh sb="13" eb="15">
      <t>イチブ</t>
    </rPh>
    <rPh sb="16" eb="18">
      <t>シヨウ</t>
    </rPh>
    <phoneticPr fontId="21"/>
  </si>
  <si>
    <t>　・設ける　：構内に新設する。（規模及び仕上げの程度は現場説明書による。）</t>
    <rPh sb="2" eb="3">
      <t>モウ</t>
    </rPh>
    <rPh sb="7" eb="9">
      <t>コウナイ</t>
    </rPh>
    <rPh sb="10" eb="12">
      <t>シンセツ</t>
    </rPh>
    <rPh sb="16" eb="18">
      <t>キボ</t>
    </rPh>
    <rPh sb="18" eb="19">
      <t>オヨ</t>
    </rPh>
    <rPh sb="20" eb="22">
      <t>シア</t>
    </rPh>
    <rPh sb="24" eb="26">
      <t>テイド</t>
    </rPh>
    <rPh sb="27" eb="29">
      <t>ゲンバ</t>
    </rPh>
    <rPh sb="29" eb="32">
      <t>セツメイショ</t>
    </rPh>
    <phoneticPr fontId="21"/>
  </si>
  <si>
    <t>設計変更</t>
    <rPh sb="0" eb="2">
      <t>セッケイ</t>
    </rPh>
    <rPh sb="2" eb="4">
      <t>ヘンコウ</t>
    </rPh>
    <phoneticPr fontId="21"/>
  </si>
  <si>
    <t>足場</t>
    <rPh sb="0" eb="2">
      <t>アシバ</t>
    </rPh>
    <phoneticPr fontId="21"/>
  </si>
  <si>
    <t>　・別契約の関係受注者が定置したものは無償で使用できる。</t>
    <rPh sb="2" eb="3">
      <t>ベツ</t>
    </rPh>
    <rPh sb="3" eb="5">
      <t>ケイヤク</t>
    </rPh>
    <rPh sb="6" eb="8">
      <t>カンケイ</t>
    </rPh>
    <rPh sb="8" eb="11">
      <t>ジュチュウシャ</t>
    </rPh>
    <rPh sb="12" eb="14">
      <t>テイチ</t>
    </rPh>
    <rPh sb="19" eb="21">
      <t>ムショウ</t>
    </rPh>
    <rPh sb="22" eb="24">
      <t>シヨウ</t>
    </rPh>
    <phoneticPr fontId="21"/>
  </si>
  <si>
    <t>　・本工事で設置する。</t>
    <rPh sb="2" eb="5">
      <t>ホンコウジ</t>
    </rPh>
    <rPh sb="6" eb="8">
      <t>セッチ</t>
    </rPh>
    <phoneticPr fontId="21"/>
  </si>
  <si>
    <t>養生</t>
    <rPh sb="0" eb="2">
      <t>ヨウジョウ</t>
    </rPh>
    <phoneticPr fontId="21"/>
  </si>
  <si>
    <t>はつり補修</t>
    <rPh sb="3" eb="5">
      <t>ホシュウ</t>
    </rPh>
    <phoneticPr fontId="21"/>
  </si>
  <si>
    <t>建設発生土の処理</t>
    <rPh sb="0" eb="2">
      <t>ケンセツ</t>
    </rPh>
    <rPh sb="2" eb="5">
      <t>ハッセイド</t>
    </rPh>
    <rPh sb="6" eb="8">
      <t>ショリ</t>
    </rPh>
    <phoneticPr fontId="21"/>
  </si>
  <si>
    <t>　・構内敷きならし　　　　・構外搬出処理</t>
    <rPh sb="2" eb="4">
      <t>コウナイ</t>
    </rPh>
    <rPh sb="4" eb="5">
      <t>シ</t>
    </rPh>
    <rPh sb="14" eb="16">
      <t>コウガイ</t>
    </rPh>
    <rPh sb="16" eb="18">
      <t>ハンシュツ</t>
    </rPh>
    <rPh sb="18" eb="20">
      <t>ショリ</t>
    </rPh>
    <phoneticPr fontId="21"/>
  </si>
  <si>
    <t>発生材の処理</t>
    <rPh sb="0" eb="3">
      <t>ハッセイザイ</t>
    </rPh>
    <rPh sb="4" eb="6">
      <t>ショリ</t>
    </rPh>
    <phoneticPr fontId="21"/>
  </si>
  <si>
    <t>断面図</t>
    <rPh sb="0" eb="3">
      <t>ダンメンズ</t>
    </rPh>
    <phoneticPr fontId="21"/>
  </si>
  <si>
    <t>階高を確認したか。</t>
    <phoneticPr fontId="6"/>
  </si>
  <si>
    <t>天井高を確認したか。</t>
    <phoneticPr fontId="6"/>
  </si>
  <si>
    <t>平面図</t>
    <rPh sb="0" eb="3">
      <t>ヘイメンズ</t>
    </rPh>
    <phoneticPr fontId="21"/>
  </si>
  <si>
    <t>縮尺を確認したか。</t>
    <phoneticPr fontId="6"/>
  </si>
  <si>
    <t>機器取付け</t>
    <rPh sb="0" eb="2">
      <t>キキ</t>
    </rPh>
    <rPh sb="2" eb="4">
      <t>トリツケ</t>
    </rPh>
    <phoneticPr fontId="21"/>
  </si>
  <si>
    <t>配線器具</t>
    <rPh sb="0" eb="2">
      <t>ハイセン</t>
    </rPh>
    <rPh sb="2" eb="4">
      <t>キグ</t>
    </rPh>
    <phoneticPr fontId="21"/>
  </si>
  <si>
    <t>配管塗装</t>
    <rPh sb="0" eb="2">
      <t>ハイカン</t>
    </rPh>
    <rPh sb="2" eb="4">
      <t>トソウ</t>
    </rPh>
    <phoneticPr fontId="21"/>
  </si>
  <si>
    <t>金属管の塗装の要否について確認したか。
・要（・屋外の配管　・　　　　　）　・不要</t>
    <rPh sb="0" eb="3">
      <t>キンゾクカン</t>
    </rPh>
    <rPh sb="4" eb="6">
      <t>トソウ</t>
    </rPh>
    <rPh sb="7" eb="9">
      <t>ヨウヒ</t>
    </rPh>
    <phoneticPr fontId="6"/>
  </si>
  <si>
    <t>接地工事</t>
    <rPh sb="0" eb="2">
      <t>セッチ</t>
    </rPh>
    <rPh sb="2" eb="4">
      <t>コウジ</t>
    </rPh>
    <phoneticPr fontId="21"/>
  </si>
  <si>
    <t>外構図</t>
    <rPh sb="0" eb="3">
      <t>ガイコウズ</t>
    </rPh>
    <phoneticPr fontId="21"/>
  </si>
  <si>
    <t>関連工事がある場合は、仮設の範囲を確認したか。</t>
    <phoneticPr fontId="21"/>
  </si>
  <si>
    <t>本工事以外の関連工事があるか発注者に確認したか。</t>
    <rPh sb="0" eb="3">
      <t>ホンコウジ</t>
    </rPh>
    <rPh sb="3" eb="5">
      <t>イガイ</t>
    </rPh>
    <rPh sb="6" eb="8">
      <t>カンレン</t>
    </rPh>
    <rPh sb="8" eb="10">
      <t>コウジ</t>
    </rPh>
    <rPh sb="14" eb="17">
      <t>ハッチュウシャ</t>
    </rPh>
    <rPh sb="18" eb="20">
      <t>カクニン</t>
    </rPh>
    <phoneticPr fontId="20"/>
  </si>
  <si>
    <t>Ⅱ．工事費の積算（設計図）</t>
    <rPh sb="2" eb="5">
      <t>コウジヒ</t>
    </rPh>
    <rPh sb="6" eb="8">
      <t>セキサン</t>
    </rPh>
    <rPh sb="9" eb="12">
      <t>セッケイズ</t>
    </rPh>
    <phoneticPr fontId="6"/>
  </si>
  <si>
    <t>　１．基準類の確認</t>
    <rPh sb="3" eb="5">
      <t>キジュン</t>
    </rPh>
    <rPh sb="5" eb="6">
      <t>ルイ</t>
    </rPh>
    <rPh sb="7" eb="9">
      <t>カクニン</t>
    </rPh>
    <phoneticPr fontId="6"/>
  </si>
  <si>
    <t>幹線の電線種別、太さ及び入線方向を確認したか。</t>
    <phoneticPr fontId="6"/>
  </si>
  <si>
    <t>設計寸法は、設計図書に記載された寸法、記載された寸法から計算によって得られる寸法及び計測により読み取ることのできる寸法としたか。</t>
    <phoneticPr fontId="19"/>
  </si>
  <si>
    <t>制御盤</t>
    <phoneticPr fontId="6"/>
  </si>
  <si>
    <t>種別及び形式を確認したか。</t>
    <phoneticPr fontId="6"/>
  </si>
  <si>
    <t>入力電源の電気方式（種別、相線、電圧）を確認したか。</t>
    <phoneticPr fontId="6"/>
  </si>
  <si>
    <t>幹線の電線種別、太さ及び入線方向を確認したか。</t>
    <phoneticPr fontId="6"/>
  </si>
  <si>
    <t>主幹器具の定格電流、定格遮断電流及び極数を確認したか。</t>
    <phoneticPr fontId="6"/>
  </si>
  <si>
    <t>電気自動車充電装置</t>
    <rPh sb="0" eb="2">
      <t>デンキ</t>
    </rPh>
    <rPh sb="2" eb="5">
      <t>ジドウシャ</t>
    </rPh>
    <rPh sb="5" eb="7">
      <t>ジュウデン</t>
    </rPh>
    <rPh sb="7" eb="9">
      <t>ソウチ</t>
    </rPh>
    <phoneticPr fontId="21"/>
  </si>
  <si>
    <t>形式及び充電方式を確認したか。</t>
    <rPh sb="2" eb="3">
      <t>オヨ</t>
    </rPh>
    <rPh sb="4" eb="6">
      <t>ジュウデン</t>
    </rPh>
    <rPh sb="6" eb="8">
      <t>ホウシキ</t>
    </rPh>
    <phoneticPr fontId="6"/>
  </si>
  <si>
    <t>入力電源の電気方式（種別、相線、電圧）を確認したか。</t>
    <phoneticPr fontId="6"/>
  </si>
  <si>
    <t>種類、電圧、発熱量、対象面積を確認したか。</t>
    <rPh sb="0" eb="2">
      <t>シュルイ</t>
    </rPh>
    <rPh sb="3" eb="5">
      <t>デンアツ</t>
    </rPh>
    <rPh sb="6" eb="9">
      <t>ハツネツリョウ</t>
    </rPh>
    <rPh sb="10" eb="12">
      <t>タイショウ</t>
    </rPh>
    <rPh sb="12" eb="14">
      <t>メンセキ</t>
    </rPh>
    <rPh sb="15" eb="17">
      <t>カクニン</t>
    </rPh>
    <phoneticPr fontId="6"/>
  </si>
  <si>
    <t>　　（ａ）直流電源</t>
    <rPh sb="5" eb="7">
      <t>チョクリュウ</t>
    </rPh>
    <rPh sb="7" eb="9">
      <t>デンゲン</t>
    </rPh>
    <phoneticPr fontId="6"/>
  </si>
  <si>
    <t>　　（ｂ）交流無停電電源</t>
    <phoneticPr fontId="6"/>
  </si>
  <si>
    <t>　　（ａ）発電</t>
    <rPh sb="5" eb="7">
      <t>ハツデン</t>
    </rPh>
    <rPh sb="6" eb="7">
      <t>ジハツ</t>
    </rPh>
    <phoneticPr fontId="6"/>
  </si>
  <si>
    <t>　　（ａ）マルチサイン</t>
    <phoneticPr fontId="6"/>
  </si>
  <si>
    <t>　　（ａ）誘導支援</t>
    <rPh sb="5" eb="7">
      <t>ユウドウ</t>
    </rPh>
    <rPh sb="7" eb="9">
      <t>シエン</t>
    </rPh>
    <phoneticPr fontId="6"/>
  </si>
  <si>
    <t>　　（ｂ）出退表示</t>
    <rPh sb="5" eb="7">
      <t>シュッタイ</t>
    </rPh>
    <rPh sb="7" eb="9">
      <t>ヒョウジ</t>
    </rPh>
    <phoneticPr fontId="6"/>
  </si>
  <si>
    <t>　　（ｃ）時刻表示</t>
    <rPh sb="5" eb="7">
      <t>ジコク</t>
    </rPh>
    <rPh sb="7" eb="9">
      <t>ヒョウジ</t>
    </rPh>
    <phoneticPr fontId="6"/>
  </si>
  <si>
    <t>　　（ｂ）インターホン</t>
    <phoneticPr fontId="6"/>
  </si>
  <si>
    <t>　　（ｃ）トイレ呼出表示</t>
    <rPh sb="8" eb="10">
      <t>ヨビダシ</t>
    </rPh>
    <rPh sb="10" eb="12">
      <t>ヒョウジ</t>
    </rPh>
    <phoneticPr fontId="6"/>
  </si>
  <si>
    <t>　　（ｄ）受付呼出表示</t>
    <rPh sb="5" eb="7">
      <t>ウケツケ</t>
    </rPh>
    <rPh sb="7" eb="9">
      <t>ヨビダシ</t>
    </rPh>
    <rPh sb="9" eb="11">
      <t>ヒョウジ</t>
    </rPh>
    <phoneticPr fontId="6"/>
  </si>
  <si>
    <t>　　（ａ）防犯</t>
    <rPh sb="5" eb="7">
      <t>ボウハン</t>
    </rPh>
    <phoneticPr fontId="6"/>
  </si>
  <si>
    <t>　　（ｂ）入退室管理</t>
    <rPh sb="5" eb="8">
      <t>ニュウタイシツ</t>
    </rPh>
    <rPh sb="8" eb="10">
      <t>カンリ</t>
    </rPh>
    <phoneticPr fontId="6"/>
  </si>
  <si>
    <t>　　（ｂ）自動閉鎖</t>
    <rPh sb="5" eb="7">
      <t>ジドウ</t>
    </rPh>
    <rPh sb="7" eb="9">
      <t>ヘイサ</t>
    </rPh>
    <phoneticPr fontId="6"/>
  </si>
  <si>
    <t>　　（c）ガス漏れ火災警報</t>
    <rPh sb="7" eb="8">
      <t>モ</t>
    </rPh>
    <rPh sb="9" eb="11">
      <t>カサイ</t>
    </rPh>
    <rPh sb="11" eb="13">
      <t>ケイホウ</t>
    </rPh>
    <phoneticPr fontId="6"/>
  </si>
  <si>
    <t>　　（ａ）警報盤</t>
    <rPh sb="5" eb="7">
      <t>ケイホウ</t>
    </rPh>
    <rPh sb="7" eb="8">
      <t>バン</t>
    </rPh>
    <phoneticPr fontId="6"/>
  </si>
  <si>
    <t>　　（ｂ）簡易形監視制御装置</t>
    <rPh sb="5" eb="7">
      <t>カンイ</t>
    </rPh>
    <rPh sb="7" eb="8">
      <t>カタ</t>
    </rPh>
    <phoneticPr fontId="6"/>
  </si>
  <si>
    <t>　　（ｃ）監視制御装置</t>
    <rPh sb="5" eb="7">
      <t>カンシ</t>
    </rPh>
    <rPh sb="7" eb="9">
      <t>セイギョ</t>
    </rPh>
    <rPh sb="9" eb="11">
      <t>ソウチ</t>
    </rPh>
    <phoneticPr fontId="6"/>
  </si>
  <si>
    <t>　　（ａ）構内配電</t>
    <rPh sb="7" eb="9">
      <t>ハイデン</t>
    </rPh>
    <phoneticPr fontId="6"/>
  </si>
  <si>
    <t>　　（ｂ）外灯</t>
    <rPh sb="5" eb="7">
      <t>ガイトウ</t>
    </rPh>
    <phoneticPr fontId="8"/>
  </si>
  <si>
    <t>受雷部</t>
    <phoneticPr fontId="6"/>
  </si>
  <si>
    <t>　○突針    ○棟上げ導体    ○金属製手すり（別途）</t>
    <phoneticPr fontId="6"/>
  </si>
  <si>
    <t>受電方式</t>
    <phoneticPr fontId="6"/>
  </si>
  <si>
    <t>変圧器盤</t>
    <phoneticPr fontId="6"/>
  </si>
  <si>
    <t>形式（CX/CS/CW/FW形）を確認したか。</t>
    <phoneticPr fontId="6"/>
  </si>
  <si>
    <t>種別、定格及び容量等を確認したか。</t>
    <rPh sb="0" eb="2">
      <t>シュベツ</t>
    </rPh>
    <rPh sb="3" eb="5">
      <t>テイカク</t>
    </rPh>
    <rPh sb="5" eb="6">
      <t>オヨ</t>
    </rPh>
    <rPh sb="7" eb="9">
      <t>ヨウリョウ</t>
    </rPh>
    <rPh sb="9" eb="10">
      <t>ナド</t>
    </rPh>
    <rPh sb="11" eb="13">
      <t>カクニン</t>
    </rPh>
    <phoneticPr fontId="8"/>
  </si>
  <si>
    <t>蓄電池</t>
    <phoneticPr fontId="6"/>
  </si>
  <si>
    <t>整流装置</t>
    <phoneticPr fontId="6"/>
  </si>
  <si>
    <t>負荷電圧補償装置</t>
    <phoneticPr fontId="6"/>
  </si>
  <si>
    <t>形式</t>
    <phoneticPr fontId="6"/>
  </si>
  <si>
    <t>出力</t>
    <phoneticPr fontId="6"/>
  </si>
  <si>
    <t>逆変換装置</t>
    <phoneticPr fontId="6"/>
  </si>
  <si>
    <t>その他</t>
    <phoneticPr fontId="6"/>
  </si>
  <si>
    <t>特記事項を確認したか。</t>
    <phoneticPr fontId="6"/>
  </si>
  <si>
    <t>入力</t>
    <phoneticPr fontId="6"/>
  </si>
  <si>
    <t>種類、容量を確認したか。</t>
    <rPh sb="0" eb="2">
      <t>シュルイ</t>
    </rPh>
    <phoneticPr fontId="21"/>
  </si>
  <si>
    <t>形式及び電池種類を確認したか。</t>
    <phoneticPr fontId="6"/>
  </si>
  <si>
    <t>燃料</t>
    <rPh sb="0" eb="2">
      <t>ネンリョウ</t>
    </rPh>
    <phoneticPr fontId="21"/>
  </si>
  <si>
    <t>種類を確認したか。</t>
    <rPh sb="0" eb="2">
      <t>シュルイ</t>
    </rPh>
    <rPh sb="3" eb="5">
      <t>カクニン</t>
    </rPh>
    <phoneticPr fontId="21"/>
  </si>
  <si>
    <t>主燃料槽</t>
    <rPh sb="0" eb="1">
      <t>シュ</t>
    </rPh>
    <rPh sb="3" eb="4">
      <t>ソウ</t>
    </rPh>
    <phoneticPr fontId="6"/>
  </si>
  <si>
    <t>燃料小出槽、主燃料槽及び付属機器を確認したか。</t>
    <rPh sb="10" eb="11">
      <t>オヨ</t>
    </rPh>
    <rPh sb="12" eb="14">
      <t>フゾク</t>
    </rPh>
    <rPh sb="14" eb="16">
      <t>キキ</t>
    </rPh>
    <phoneticPr fontId="6"/>
  </si>
  <si>
    <t>給油ボックス</t>
    <rPh sb="0" eb="2">
      <t>キュウユ</t>
    </rPh>
    <phoneticPr fontId="6"/>
  </si>
  <si>
    <t>燃料、排気、換気ダクト等の配管材料を確認したか。</t>
    <rPh sb="0" eb="2">
      <t>ネンリョウ</t>
    </rPh>
    <rPh sb="3" eb="5">
      <t>ハイキ</t>
    </rPh>
    <rPh sb="6" eb="8">
      <t>カンキ</t>
    </rPh>
    <rPh sb="11" eb="12">
      <t>トウ</t>
    </rPh>
    <rPh sb="13" eb="15">
      <t>ハイカン</t>
    </rPh>
    <rPh sb="15" eb="17">
      <t>ザイリョウ</t>
    </rPh>
    <rPh sb="18" eb="20">
      <t>カクニン</t>
    </rPh>
    <phoneticPr fontId="6"/>
  </si>
  <si>
    <t>種別、材質、給油口サイズ及び付属機器を確認したか。</t>
    <rPh sb="1" eb="2">
      <t>ベツ</t>
    </rPh>
    <rPh sb="3" eb="5">
      <t>ザイシツ</t>
    </rPh>
    <rPh sb="6" eb="8">
      <t>キュウユ</t>
    </rPh>
    <rPh sb="8" eb="9">
      <t>クチ</t>
    </rPh>
    <rPh sb="12" eb="13">
      <t>オヨ</t>
    </rPh>
    <rPh sb="14" eb="16">
      <t>フゾク</t>
    </rPh>
    <rPh sb="16" eb="18">
      <t>キキ</t>
    </rPh>
    <phoneticPr fontId="6"/>
  </si>
  <si>
    <t>出力</t>
    <phoneticPr fontId="6"/>
  </si>
  <si>
    <t>定格出力、電気方式、電圧、及び力率を確認したか。</t>
    <phoneticPr fontId="21"/>
  </si>
  <si>
    <t>太陽電池アレイ</t>
    <phoneticPr fontId="6"/>
  </si>
  <si>
    <t>出力を確認したか。</t>
    <phoneticPr fontId="6"/>
  </si>
  <si>
    <t>パワーコンディショナ</t>
    <phoneticPr fontId="6"/>
  </si>
  <si>
    <t>種類、材質、寸法、ハブ高さ、カットイン風速、定格風速、カットアウト、風速及び定格出力を確認したか。</t>
    <rPh sb="0" eb="2">
      <t>シュルイ</t>
    </rPh>
    <rPh sb="3" eb="5">
      <t>ザイシツ</t>
    </rPh>
    <rPh sb="6" eb="8">
      <t>スンポウ</t>
    </rPh>
    <rPh sb="11" eb="12">
      <t>タカ</t>
    </rPh>
    <rPh sb="19" eb="21">
      <t>フウソク</t>
    </rPh>
    <rPh sb="22" eb="24">
      <t>テイカク</t>
    </rPh>
    <rPh sb="24" eb="26">
      <t>フウソク</t>
    </rPh>
    <rPh sb="34" eb="36">
      <t>フウソク</t>
    </rPh>
    <rPh sb="36" eb="37">
      <t>オヨ</t>
    </rPh>
    <rPh sb="38" eb="40">
      <t>テイカク</t>
    </rPh>
    <rPh sb="40" eb="42">
      <t>シュツリョク</t>
    </rPh>
    <rPh sb="43" eb="45">
      <t>カクニン</t>
    </rPh>
    <phoneticPr fontId="6"/>
  </si>
  <si>
    <t>支持構造物</t>
    <rPh sb="0" eb="2">
      <t>シジ</t>
    </rPh>
    <rPh sb="2" eb="5">
      <t>コウゾウブツ</t>
    </rPh>
    <phoneticPr fontId="6"/>
  </si>
  <si>
    <t>材質及び寸法を確認したか。</t>
    <rPh sb="2" eb="3">
      <t>オヨ</t>
    </rPh>
    <phoneticPr fontId="6"/>
  </si>
  <si>
    <t>スイッチ</t>
    <phoneticPr fontId="6"/>
  </si>
  <si>
    <t>ルータ</t>
    <phoneticPr fontId="6"/>
  </si>
  <si>
    <t>メディアコンバータ</t>
    <phoneticPr fontId="6"/>
  </si>
  <si>
    <t>ファイヤウォール</t>
    <phoneticPr fontId="6"/>
  </si>
  <si>
    <t>局線応答方式、内線数、外線数及び付加サービス機能を確認したか。</t>
    <phoneticPr fontId="6"/>
  </si>
  <si>
    <t>形式を確認したか。</t>
    <phoneticPr fontId="6"/>
  </si>
  <si>
    <t>その他</t>
    <phoneticPr fontId="21"/>
  </si>
  <si>
    <t>特記事項を確認したか。</t>
    <phoneticPr fontId="21"/>
  </si>
  <si>
    <t>形式を確認したか。</t>
    <phoneticPr fontId="6"/>
  </si>
  <si>
    <t>その他</t>
    <phoneticPr fontId="21"/>
  </si>
  <si>
    <t>特記事項を確認したか。</t>
    <phoneticPr fontId="21"/>
  </si>
  <si>
    <t>カラーモニタ</t>
    <phoneticPr fontId="21"/>
  </si>
  <si>
    <t>特記事項を確認したか。</t>
    <phoneticPr fontId="6"/>
  </si>
  <si>
    <t>形式、定格出力、入出力回線数、出力制御及び付加機能を確認したか。</t>
    <phoneticPr fontId="21"/>
  </si>
  <si>
    <t>工事範囲を確認したか。（○スクリーン　○スクリーンボックス　○操作卓）</t>
    <phoneticPr fontId="21"/>
  </si>
  <si>
    <t>CDプレーヤ</t>
    <phoneticPr fontId="6"/>
  </si>
  <si>
    <t>その他</t>
    <phoneticPr fontId="21"/>
  </si>
  <si>
    <t>特記事項を確認したか。</t>
    <phoneticPr fontId="21"/>
  </si>
  <si>
    <t>エレベーター用
インターホン</t>
    <phoneticPr fontId="8"/>
  </si>
  <si>
    <t>※原則、配管のみ</t>
    <phoneticPr fontId="8"/>
  </si>
  <si>
    <t>その他</t>
    <phoneticPr fontId="21"/>
  </si>
  <si>
    <t>特記事項を確認したか。</t>
    <phoneticPr fontId="21"/>
  </si>
  <si>
    <t>呼出表示灯
呼出ボタン
復帰ボタン</t>
    <phoneticPr fontId="21"/>
  </si>
  <si>
    <t>形状等を確認したか。</t>
    <phoneticPr fontId="21"/>
  </si>
  <si>
    <t>機器</t>
    <phoneticPr fontId="21"/>
  </si>
  <si>
    <t>方式、種別、形状等を確認したか。</t>
    <phoneticPr fontId="21"/>
  </si>
  <si>
    <t>アンテナマスト</t>
    <phoneticPr fontId="8"/>
  </si>
  <si>
    <t>カメラ</t>
    <phoneticPr fontId="6"/>
  </si>
  <si>
    <t>ハウジング</t>
    <phoneticPr fontId="6"/>
  </si>
  <si>
    <t>伝送方式、レンズ（形式、区分、機能）及び電源供給方式を確認したか。</t>
    <rPh sb="0" eb="2">
      <t>デンソウ</t>
    </rPh>
    <rPh sb="2" eb="4">
      <t>ホウシキ</t>
    </rPh>
    <rPh sb="9" eb="11">
      <t>ケイシキ</t>
    </rPh>
    <rPh sb="12" eb="14">
      <t>クブン</t>
    </rPh>
    <rPh sb="15" eb="17">
      <t>キノウ</t>
    </rPh>
    <rPh sb="18" eb="19">
      <t>オヨ</t>
    </rPh>
    <rPh sb="20" eb="22">
      <t>デンゲン</t>
    </rPh>
    <rPh sb="22" eb="24">
      <t>キョウキュウ</t>
    </rPh>
    <rPh sb="24" eb="26">
      <t>ホウシキ</t>
    </rPh>
    <rPh sb="27" eb="29">
      <t>カクニン</t>
    </rPh>
    <phoneticPr fontId="6"/>
  </si>
  <si>
    <t>分割画面数、その他必要な事項を確認したか。</t>
    <rPh sb="0" eb="2">
      <t>ブンカツ</t>
    </rPh>
    <rPh sb="2" eb="5">
      <t>ガメンスウ</t>
    </rPh>
    <rPh sb="8" eb="9">
      <t>タ</t>
    </rPh>
    <rPh sb="9" eb="11">
      <t>ヒツヨウ</t>
    </rPh>
    <rPh sb="12" eb="14">
      <t>ジコウ</t>
    </rPh>
    <rPh sb="15" eb="17">
      <t>カクニン</t>
    </rPh>
    <phoneticPr fontId="6"/>
  </si>
  <si>
    <t>表示方式、形状、参考寸法、その他必要な機能を確認したか。</t>
    <rPh sb="0" eb="2">
      <t>ヒョウジ</t>
    </rPh>
    <rPh sb="2" eb="4">
      <t>ホウシキ</t>
    </rPh>
    <rPh sb="5" eb="7">
      <t>ケイジョウ</t>
    </rPh>
    <rPh sb="8" eb="10">
      <t>サンコウ</t>
    </rPh>
    <rPh sb="10" eb="12">
      <t>スンポウ</t>
    </rPh>
    <rPh sb="15" eb="16">
      <t>タ</t>
    </rPh>
    <rPh sb="16" eb="18">
      <t>ヒツヨウ</t>
    </rPh>
    <rPh sb="19" eb="21">
      <t>キノウ</t>
    </rPh>
    <rPh sb="22" eb="24">
      <t>カクニン</t>
    </rPh>
    <phoneticPr fontId="6"/>
  </si>
  <si>
    <t>センサ</t>
    <phoneticPr fontId="6"/>
  </si>
  <si>
    <t>工事範囲を確認したか。（範囲：　　　　　　　　　　　　）</t>
    <phoneticPr fontId="21"/>
  </si>
  <si>
    <t>　（ａ）自動火災報知</t>
    <rPh sb="4" eb="8">
      <t>ジドウカサイ</t>
    </rPh>
    <rPh sb="8" eb="10">
      <t>ホウチ</t>
    </rPh>
    <phoneticPr fontId="6"/>
  </si>
  <si>
    <t>特記事項を確認したか。</t>
    <phoneticPr fontId="6"/>
  </si>
  <si>
    <t>特記事項を確認したか。</t>
    <phoneticPr fontId="6"/>
  </si>
  <si>
    <t>性能、回線数、盤形式及びガスの種類を確認したか。</t>
    <rPh sb="0" eb="2">
      <t>セイノウ</t>
    </rPh>
    <rPh sb="3" eb="6">
      <t>カイセンスウ</t>
    </rPh>
    <rPh sb="7" eb="8">
      <t>バン</t>
    </rPh>
    <rPh sb="8" eb="10">
      <t>ケイシキ</t>
    </rPh>
    <rPh sb="10" eb="11">
      <t>オヨ</t>
    </rPh>
    <rPh sb="15" eb="17">
      <t>シュルイ</t>
    </rPh>
    <rPh sb="18" eb="20">
      <t>カクニン</t>
    </rPh>
    <phoneticPr fontId="6"/>
  </si>
  <si>
    <t>表示方式、監視点数、表示項目及び電源装置の有無を確認したか。</t>
    <rPh sb="0" eb="2">
      <t>ヒョウジ</t>
    </rPh>
    <rPh sb="2" eb="4">
      <t>ホウシキ</t>
    </rPh>
    <rPh sb="5" eb="7">
      <t>カンシ</t>
    </rPh>
    <rPh sb="7" eb="9">
      <t>テンスウ</t>
    </rPh>
    <rPh sb="10" eb="12">
      <t>ヒョウジ</t>
    </rPh>
    <rPh sb="12" eb="14">
      <t>コウモク</t>
    </rPh>
    <rPh sb="14" eb="15">
      <t>オヨ</t>
    </rPh>
    <rPh sb="16" eb="18">
      <t>デンゲン</t>
    </rPh>
    <rPh sb="18" eb="20">
      <t>ソウチ</t>
    </rPh>
    <rPh sb="21" eb="23">
      <t>ウム</t>
    </rPh>
    <rPh sb="24" eb="26">
      <t>カクニン</t>
    </rPh>
    <phoneticPr fontId="6"/>
  </si>
  <si>
    <t>グラフィックパネルの監視面材質、形式及び表示内容を確認したか。</t>
    <rPh sb="10" eb="12">
      <t>カンシ</t>
    </rPh>
    <rPh sb="12" eb="13">
      <t>メン</t>
    </rPh>
    <rPh sb="13" eb="15">
      <t>ザイシツ</t>
    </rPh>
    <rPh sb="16" eb="18">
      <t>ケイシキ</t>
    </rPh>
    <rPh sb="17" eb="18">
      <t>ホウケイ</t>
    </rPh>
    <rPh sb="18" eb="19">
      <t>オヨ</t>
    </rPh>
    <rPh sb="20" eb="22">
      <t>ヒョウジ</t>
    </rPh>
    <rPh sb="22" eb="24">
      <t>ナイヨウ</t>
    </rPh>
    <rPh sb="25" eb="27">
      <t>カクニン</t>
    </rPh>
    <phoneticPr fontId="6"/>
  </si>
  <si>
    <t>発生材処理</t>
    <rPh sb="0" eb="3">
      <t>ハッセイザイ</t>
    </rPh>
    <rPh sb="3" eb="5">
      <t>ショリ</t>
    </rPh>
    <phoneticPr fontId="21"/>
  </si>
  <si>
    <t>処分する撤去品を確認したか。</t>
    <phoneticPr fontId="21"/>
  </si>
  <si>
    <t>発生材運搬</t>
    <phoneticPr fontId="21"/>
  </si>
  <si>
    <t>運搬距離を確認したか。</t>
    <phoneticPr fontId="21"/>
  </si>
  <si>
    <t>引込開閉器等</t>
    <phoneticPr fontId="21"/>
  </si>
  <si>
    <t>捨コンクリート
砂利地業</t>
    <phoneticPr fontId="6"/>
  </si>
  <si>
    <t>埋設標の確認をしたか。</t>
    <phoneticPr fontId="6"/>
  </si>
  <si>
    <t>ヘッドエンド
機器収容箱
アンテナ
アンテナマスト</t>
    <phoneticPr fontId="6"/>
  </si>
  <si>
    <t>Ⅲ．工事費の積算（数量算出）</t>
    <rPh sb="2" eb="5">
      <t>コウジヒ</t>
    </rPh>
    <rPh sb="6" eb="8">
      <t>セキサン</t>
    </rPh>
    <rPh sb="9" eb="11">
      <t>スウリョウ</t>
    </rPh>
    <rPh sb="11" eb="13">
      <t>サンシュツ</t>
    </rPh>
    <phoneticPr fontId="6"/>
  </si>
  <si>
    <t>フラッシュプレート</t>
    <phoneticPr fontId="6"/>
  </si>
  <si>
    <t>必要とする機器を選別したか。</t>
    <phoneticPr fontId="6"/>
  </si>
  <si>
    <t>舗装部分の解体　　　　　○本工事　○別途工事</t>
    <phoneticPr fontId="6"/>
  </si>
  <si>
    <t>掘削方法　　　　　　　　○機械掘り　○人力掘り</t>
    <phoneticPr fontId="6"/>
  </si>
  <si>
    <t>舗装の仕様を確認したか。</t>
    <phoneticPr fontId="6"/>
  </si>
  <si>
    <t>（８）はつり工事</t>
    <phoneticPr fontId="6"/>
  </si>
  <si>
    <t>（９）撤去工事</t>
    <phoneticPr fontId="6"/>
  </si>
  <si>
    <t>（10） 仮設備(仮電源設備)</t>
    <phoneticPr fontId="6"/>
  </si>
  <si>
    <t>（11） 養生等</t>
    <phoneticPr fontId="6"/>
  </si>
  <si>
    <t>（12）発生材処理</t>
    <phoneticPr fontId="6"/>
  </si>
  <si>
    <t>はつり工事</t>
    <phoneticPr fontId="21"/>
  </si>
  <si>
    <t>はつり工事の数量は、貫通口径、コンクリート厚さ及びはつり種ごとに区分し計上したか。</t>
    <rPh sb="23" eb="24">
      <t>オヨ</t>
    </rPh>
    <phoneticPr fontId="21"/>
  </si>
  <si>
    <t>撤去工事</t>
  </si>
  <si>
    <t>再使用するもの、しないものに区分し計上したか。</t>
    <rPh sb="15" eb="16">
      <t>ブン</t>
    </rPh>
    <rPh sb="17" eb="19">
      <t>ケイジョウ</t>
    </rPh>
    <phoneticPr fontId="6"/>
  </si>
  <si>
    <t>配管配線、機器類等の数量は、新設工事の数量積算に準じて計測、計算したか。</t>
    <rPh sb="27" eb="29">
      <t>ケイソク</t>
    </rPh>
    <rPh sb="30" eb="32">
      <t>ケイサン</t>
    </rPh>
    <phoneticPr fontId="6"/>
  </si>
  <si>
    <t>発生材処分費</t>
  </si>
  <si>
    <t>発生材処分費は、設計図書により計上したか。</t>
    <rPh sb="8" eb="10">
      <t>セッケイ</t>
    </rPh>
    <rPh sb="10" eb="12">
      <t>トショ</t>
    </rPh>
    <phoneticPr fontId="6"/>
  </si>
  <si>
    <t>「廃棄物」、「リサイクルするもの」、「引き渡すもの」に区分したか。</t>
    <rPh sb="28" eb="29">
      <t>ブン</t>
    </rPh>
    <phoneticPr fontId="8"/>
  </si>
  <si>
    <t>材料</t>
    <rPh sb="0" eb="2">
      <t>ザイリョウ</t>
    </rPh>
    <phoneticPr fontId="7"/>
  </si>
  <si>
    <t>仮設期間を確認したか。</t>
    <rPh sb="0" eb="2">
      <t>カセツ</t>
    </rPh>
    <rPh sb="2" eb="4">
      <t>キカン</t>
    </rPh>
    <rPh sb="5" eb="7">
      <t>カクニン</t>
    </rPh>
    <phoneticPr fontId="7"/>
  </si>
  <si>
    <t>リース品以外は補正率により計上したか。</t>
    <rPh sb="3" eb="4">
      <t>ヒン</t>
    </rPh>
    <rPh sb="4" eb="6">
      <t>イガイ</t>
    </rPh>
    <rPh sb="7" eb="9">
      <t>ホセイ</t>
    </rPh>
    <rPh sb="9" eb="10">
      <t>リツ</t>
    </rPh>
    <rPh sb="13" eb="15">
      <t>ケイジョウ</t>
    </rPh>
    <phoneticPr fontId="7"/>
  </si>
  <si>
    <t>養生</t>
    <rPh sb="0" eb="2">
      <t>ヨウジョウ</t>
    </rPh>
    <phoneticPr fontId="7"/>
  </si>
  <si>
    <t>足場</t>
    <rPh sb="0" eb="2">
      <t>アシバ</t>
    </rPh>
    <phoneticPr fontId="6"/>
  </si>
  <si>
    <t>撤去品の重量・容積を品目ごとに計上したか。</t>
    <rPh sb="0" eb="2">
      <t>テッキョ</t>
    </rPh>
    <rPh sb="2" eb="3">
      <t>ヒン</t>
    </rPh>
    <rPh sb="4" eb="6">
      <t>ジュウリョウ</t>
    </rPh>
    <rPh sb="7" eb="9">
      <t>ヨウセキ</t>
    </rPh>
    <rPh sb="10" eb="12">
      <t>ヒンモク</t>
    </rPh>
    <rPh sb="15" eb="17">
      <t>ケイジョウ</t>
    </rPh>
    <phoneticPr fontId="7"/>
  </si>
  <si>
    <t>必要により養生方法を確認し養生範囲を計上したか。</t>
    <rPh sb="0" eb="2">
      <t>ヒツヨウ</t>
    </rPh>
    <rPh sb="5" eb="7">
      <t>ヨウジョウ</t>
    </rPh>
    <rPh sb="7" eb="9">
      <t>ホウホウ</t>
    </rPh>
    <rPh sb="10" eb="12">
      <t>カクニン</t>
    </rPh>
    <rPh sb="13" eb="15">
      <t>ヨウジョウ</t>
    </rPh>
    <rPh sb="15" eb="17">
      <t>ハンイ</t>
    </rPh>
    <rPh sb="18" eb="20">
      <t>ケイジョウ</t>
    </rPh>
    <phoneticPr fontId="7"/>
  </si>
  <si>
    <t>必要により仮設足場を計上したか。</t>
    <rPh sb="0" eb="2">
      <t>ヒツヨウ</t>
    </rPh>
    <rPh sb="5" eb="7">
      <t>カセツ</t>
    </rPh>
    <rPh sb="7" eb="9">
      <t>アシバ</t>
    </rPh>
    <rPh sb="10" eb="12">
      <t>ケイジョウ</t>
    </rPh>
    <phoneticPr fontId="7"/>
  </si>
  <si>
    <t>分電盤・ＯＡ盤・実験盤</t>
    <phoneticPr fontId="6"/>
  </si>
  <si>
    <t>・単位装置がある場合は、分岐ブレーカを計上してはいないか。</t>
    <phoneticPr fontId="8"/>
  </si>
  <si>
    <t>電気自動車用充電装置</t>
    <rPh sb="0" eb="2">
      <t>デンキ</t>
    </rPh>
    <rPh sb="2" eb="5">
      <t>ジドウシャ</t>
    </rPh>
    <rPh sb="5" eb="6">
      <t>ヨウ</t>
    </rPh>
    <rPh sb="6" eb="8">
      <t>ジュウデン</t>
    </rPh>
    <rPh sb="8" eb="10">
      <t>ソウチ</t>
    </rPh>
    <phoneticPr fontId="21"/>
  </si>
  <si>
    <t>形式、充電方式及び充電時間ごとに区分し計上したか。</t>
    <rPh sb="3" eb="5">
      <t>ジュウデン</t>
    </rPh>
    <rPh sb="5" eb="7">
      <t>ホウシキ</t>
    </rPh>
    <rPh sb="7" eb="8">
      <t>オヨ</t>
    </rPh>
    <rPh sb="9" eb="11">
      <t>ジュウデン</t>
    </rPh>
    <rPh sb="11" eb="13">
      <t>ジカン</t>
    </rPh>
    <rPh sb="16" eb="18">
      <t>クブン</t>
    </rPh>
    <rPh sb="19" eb="21">
      <t>ケイジョウ</t>
    </rPh>
    <phoneticPr fontId="6"/>
  </si>
  <si>
    <t>リフタ・引出用台</t>
    <phoneticPr fontId="8"/>
  </si>
  <si>
    <t>耐電マット</t>
    <phoneticPr fontId="8"/>
  </si>
  <si>
    <t>（C）電力平準化用蓄電</t>
    <rPh sb="3" eb="5">
      <t>デンリョク</t>
    </rPh>
    <rPh sb="5" eb="8">
      <t>ヘイジュンカ</t>
    </rPh>
    <rPh sb="8" eb="9">
      <t>ヨウ</t>
    </rPh>
    <rPh sb="9" eb="11">
      <t>チクデン</t>
    </rPh>
    <phoneticPr fontId="6"/>
  </si>
  <si>
    <t>電力平準化用蓄電装置</t>
    <phoneticPr fontId="21"/>
  </si>
  <si>
    <t>形式、電気方式及び蓄電池種ごとに区分し計上したか。</t>
    <rPh sb="7" eb="8">
      <t>オヨ</t>
    </rPh>
    <rPh sb="16" eb="18">
      <t>クブン</t>
    </rPh>
    <rPh sb="19" eb="21">
      <t>ケイジョウ</t>
    </rPh>
    <phoneticPr fontId="6"/>
  </si>
  <si>
    <t>（ａ）発電</t>
    <rPh sb="3" eb="5">
      <t>ハツデン</t>
    </rPh>
    <rPh sb="4" eb="5">
      <t>ジハツ</t>
    </rPh>
    <phoneticPr fontId="6"/>
  </si>
  <si>
    <t>配線工事、油配管工事、換気ダクト工事、排気ダクト工事等を計上したか。</t>
    <rPh sb="0" eb="2">
      <t>ハイセン</t>
    </rPh>
    <rPh sb="2" eb="4">
      <t>コウジ</t>
    </rPh>
    <rPh sb="5" eb="6">
      <t>アブラ</t>
    </rPh>
    <rPh sb="6" eb="8">
      <t>ハイカン</t>
    </rPh>
    <rPh sb="8" eb="10">
      <t>コウジ</t>
    </rPh>
    <rPh sb="11" eb="13">
      <t>カンキ</t>
    </rPh>
    <rPh sb="16" eb="18">
      <t>コウジ</t>
    </rPh>
    <rPh sb="19" eb="21">
      <t>ハイキ</t>
    </rPh>
    <rPh sb="24" eb="26">
      <t>コウジ</t>
    </rPh>
    <rPh sb="26" eb="27">
      <t>トウ</t>
    </rPh>
    <rPh sb="28" eb="30">
      <t>ケイジョウ</t>
    </rPh>
    <phoneticPr fontId="6"/>
  </si>
  <si>
    <t>（b）燃料電池発電</t>
    <rPh sb="3" eb="5">
      <t>ネンリョウ</t>
    </rPh>
    <rPh sb="5" eb="7">
      <t>デンチ</t>
    </rPh>
    <rPh sb="7" eb="9">
      <t>ハツデン</t>
    </rPh>
    <phoneticPr fontId="6"/>
  </si>
  <si>
    <t>燃料電池発電装置</t>
    <phoneticPr fontId="21"/>
  </si>
  <si>
    <t>形式、電気方式及び容量ごとに区分し計上したか。</t>
    <rPh sb="7" eb="8">
      <t>オヨ</t>
    </rPh>
    <rPh sb="9" eb="11">
      <t>ヨウリョウ</t>
    </rPh>
    <rPh sb="14" eb="16">
      <t>クブン</t>
    </rPh>
    <rPh sb="17" eb="19">
      <t>ケイジョウ</t>
    </rPh>
    <phoneticPr fontId="6"/>
  </si>
  <si>
    <t>パワーコンディショナ</t>
    <phoneticPr fontId="6"/>
  </si>
  <si>
    <t>パッチパネル</t>
    <phoneticPr fontId="7"/>
  </si>
  <si>
    <t>通信総合盤はどの設備で計上しているか。
（                             設備    ）</t>
    <rPh sb="0" eb="2">
      <t>ツウシン</t>
    </rPh>
    <rPh sb="2" eb="4">
      <t>ソウゴウ</t>
    </rPh>
    <rPh sb="4" eb="5">
      <t>バン</t>
    </rPh>
    <rPh sb="8" eb="10">
      <t>セツビ</t>
    </rPh>
    <rPh sb="11" eb="13">
      <t>ケイジョウ</t>
    </rPh>
    <rPh sb="50" eb="52">
      <t>セツビ</t>
    </rPh>
    <phoneticPr fontId="8"/>
  </si>
  <si>
    <t>（ａ）マルチサイン</t>
    <phoneticPr fontId="6"/>
  </si>
  <si>
    <t>アンテナマスト</t>
    <phoneticPr fontId="8"/>
  </si>
  <si>
    <t>機器収容箱</t>
    <phoneticPr fontId="6"/>
  </si>
  <si>
    <t>機器収容箱と分岐器、分配器、増幅器等分けて計上したか。</t>
    <phoneticPr fontId="6"/>
  </si>
  <si>
    <t>カードリーダ</t>
    <phoneticPr fontId="6"/>
  </si>
  <si>
    <t>警報盤</t>
    <rPh sb="0" eb="2">
      <t>ケイホウ</t>
    </rPh>
    <rPh sb="2" eb="3">
      <t>バン</t>
    </rPh>
    <phoneticPr fontId="6"/>
  </si>
  <si>
    <t>種目別内訳書</t>
  </si>
  <si>
    <t>直接工事費の種目を設計図書の表示に従い各工事種目ごとに区分したか。</t>
  </si>
  <si>
    <t>全体工事のうち、一部分について全体工期より先に完成を指定した部分(指定部分）等がある場合は、当該部分を区分して記載したか。</t>
  </si>
  <si>
    <t>科目別内訳書</t>
  </si>
  <si>
    <t>設計図書の工事種目等を標準として直接工事費を科目に区分しその科目を記載したか。</t>
  </si>
  <si>
    <t>中科目別内訳書</t>
  </si>
  <si>
    <t>科目別内訳において区分した科目をさらに主要な構成に従い区分し、その中科目を記載したか。ただし、工事内容等により区分する必要がない場合は、省略したか。</t>
  </si>
  <si>
    <t>細目別内訳書</t>
  </si>
  <si>
    <t>工事場所</t>
    <rPh sb="0" eb="2">
      <t>コウジ</t>
    </rPh>
    <rPh sb="2" eb="4">
      <t>バショ</t>
    </rPh>
    <phoneticPr fontId="21"/>
  </si>
  <si>
    <t>工事場所を確認したか。</t>
    <rPh sb="0" eb="2">
      <t>コウジ</t>
    </rPh>
    <rPh sb="2" eb="4">
      <t>バショ</t>
    </rPh>
    <rPh sb="5" eb="7">
      <t>カクニン</t>
    </rPh>
    <phoneticPr fontId="21"/>
  </si>
  <si>
    <t>単価使用区分</t>
    <rPh sb="0" eb="2">
      <t>タンカ</t>
    </rPh>
    <rPh sb="2" eb="4">
      <t>シヨウ</t>
    </rPh>
    <rPh sb="4" eb="6">
      <t>クブン</t>
    </rPh>
    <phoneticPr fontId="21"/>
  </si>
  <si>
    <t>新営・改修等による他工事との使用単価（新営・改修）を確認したか。</t>
    <rPh sb="0" eb="2">
      <t>シンエイ</t>
    </rPh>
    <rPh sb="3" eb="5">
      <t>カイシュウ</t>
    </rPh>
    <rPh sb="5" eb="6">
      <t>トウ</t>
    </rPh>
    <rPh sb="9" eb="12">
      <t>タコウジ</t>
    </rPh>
    <rPh sb="14" eb="16">
      <t>シヨウ</t>
    </rPh>
    <rPh sb="16" eb="18">
      <t>タンカ</t>
    </rPh>
    <rPh sb="19" eb="21">
      <t>シンエイ</t>
    </rPh>
    <rPh sb="22" eb="24">
      <t>カイシュウ</t>
    </rPh>
    <rPh sb="26" eb="28">
      <t>カクニン</t>
    </rPh>
    <phoneticPr fontId="21"/>
  </si>
  <si>
    <t>指定部分の有無を確認したか。</t>
    <rPh sb="0" eb="2">
      <t>シテイ</t>
    </rPh>
    <rPh sb="2" eb="4">
      <t>ブブン</t>
    </rPh>
    <rPh sb="5" eb="7">
      <t>ウム</t>
    </rPh>
    <rPh sb="8" eb="10">
      <t>カクニン</t>
    </rPh>
    <phoneticPr fontId="20"/>
  </si>
  <si>
    <t>発注範囲</t>
    <rPh sb="0" eb="2">
      <t>ハッチュウ</t>
    </rPh>
    <rPh sb="2" eb="4">
      <t>ハンイ</t>
    </rPh>
    <phoneticPr fontId="21"/>
  </si>
  <si>
    <t>本工事において（発注しない）別途工事部分があるか確認したか。</t>
    <rPh sb="0" eb="3">
      <t>ホンコウジ</t>
    </rPh>
    <rPh sb="8" eb="10">
      <t>ハッチュウ</t>
    </rPh>
    <rPh sb="14" eb="16">
      <t>ベット</t>
    </rPh>
    <rPh sb="16" eb="18">
      <t>コウジ</t>
    </rPh>
    <rPh sb="18" eb="20">
      <t>ブブン</t>
    </rPh>
    <rPh sb="24" eb="26">
      <t>カクニン</t>
    </rPh>
    <phoneticPr fontId="21"/>
  </si>
  <si>
    <t>　・無し</t>
    <rPh sb="2" eb="3">
      <t>ナ</t>
    </rPh>
    <phoneticPr fontId="21"/>
  </si>
  <si>
    <t>　・有り　特記仕様書記載　（・　　　　　　　　　　・　　　　　　　　　　　）</t>
    <rPh sb="2" eb="3">
      <t>ア</t>
    </rPh>
    <rPh sb="5" eb="7">
      <t>トッキ</t>
    </rPh>
    <rPh sb="7" eb="10">
      <t>シヨウショ</t>
    </rPh>
    <rPh sb="10" eb="12">
      <t>キサイ</t>
    </rPh>
    <phoneticPr fontId="21"/>
  </si>
  <si>
    <t>　・有り　図面記載　（・　　　　　　　　　　　　・　　　　　　　　　　　　）</t>
    <rPh sb="2" eb="3">
      <t>ア</t>
    </rPh>
    <rPh sb="5" eb="7">
      <t>ズメン</t>
    </rPh>
    <rPh sb="7" eb="9">
      <t>キサイ</t>
    </rPh>
    <phoneticPr fontId="21"/>
  </si>
  <si>
    <t>工事名を確認したか。</t>
    <rPh sb="0" eb="2">
      <t>コウジ</t>
    </rPh>
    <rPh sb="4" eb="6">
      <t>カクニン</t>
    </rPh>
    <phoneticPr fontId="20"/>
  </si>
  <si>
    <t>予算の区分による拾い分けが必要か発注者に確認したか。</t>
    <rPh sb="0" eb="2">
      <t>ヨサン</t>
    </rPh>
    <rPh sb="3" eb="5">
      <t>クブン</t>
    </rPh>
    <rPh sb="8" eb="9">
      <t>ヒロ</t>
    </rPh>
    <rPh sb="10" eb="11">
      <t>ワ</t>
    </rPh>
    <rPh sb="13" eb="15">
      <t>ヒツヨウ</t>
    </rPh>
    <rPh sb="16" eb="19">
      <t>ハッチュウシャ</t>
    </rPh>
    <rPh sb="20" eb="22">
      <t>カクニン</t>
    </rPh>
    <phoneticPr fontId="20"/>
  </si>
  <si>
    <t>Ⅱ．工事費の積算</t>
    <phoneticPr fontId="6"/>
  </si>
  <si>
    <t>　分電盤・OA盤・実験盤</t>
    <phoneticPr fontId="6"/>
  </si>
  <si>
    <t>電灯設備</t>
    <phoneticPr fontId="21"/>
  </si>
  <si>
    <t>動力設備</t>
    <phoneticPr fontId="21"/>
  </si>
  <si>
    <t>電気自動車用充電設備</t>
    <phoneticPr fontId="21"/>
  </si>
  <si>
    <t>据付費は計上されているか。</t>
    <rPh sb="0" eb="2">
      <t>スエツケ</t>
    </rPh>
    <rPh sb="2" eb="3">
      <t>ヒ</t>
    </rPh>
    <rPh sb="4" eb="6">
      <t>ケイジョウ</t>
    </rPh>
    <phoneticPr fontId="6"/>
  </si>
  <si>
    <t>試験調整費は計上されているか。</t>
    <rPh sb="0" eb="2">
      <t>シケン</t>
    </rPh>
    <rPh sb="2" eb="4">
      <t>チョウセイ</t>
    </rPh>
    <rPh sb="4" eb="5">
      <t>ヒ</t>
    </rPh>
    <rPh sb="6" eb="8">
      <t>ケイジョウ</t>
    </rPh>
    <phoneticPr fontId="6"/>
  </si>
  <si>
    <t>電熱設備</t>
    <phoneticPr fontId="21"/>
  </si>
  <si>
    <t>　配管配線等、区画貫通処理、接地工事、搬入・搬出費、土工事、コンクリート工事、はつり工事、撤去工事、仮設備(仮電源設備)</t>
    <phoneticPr fontId="6"/>
  </si>
  <si>
    <t>雷保護設備</t>
    <phoneticPr fontId="21"/>
  </si>
  <si>
    <t>受変電設備</t>
    <phoneticPr fontId="21"/>
  </si>
  <si>
    <t>搬入費は計上されているか。</t>
    <rPh sb="0" eb="2">
      <t>ハンニュウ</t>
    </rPh>
    <rPh sb="2" eb="3">
      <t>ヒ</t>
    </rPh>
    <rPh sb="4" eb="6">
      <t>ケイジョウ</t>
    </rPh>
    <phoneticPr fontId="6"/>
  </si>
  <si>
    <t>直流電源</t>
    <phoneticPr fontId="21"/>
  </si>
  <si>
    <t>交流無停電電源</t>
    <phoneticPr fontId="21"/>
  </si>
  <si>
    <t>搬入・据付費は計上されているか。</t>
    <rPh sb="0" eb="2">
      <t>ハンニュウ</t>
    </rPh>
    <rPh sb="3" eb="5">
      <t>スエツケ</t>
    </rPh>
    <rPh sb="5" eb="6">
      <t>ヒ</t>
    </rPh>
    <rPh sb="7" eb="9">
      <t>ケイジョウ</t>
    </rPh>
    <phoneticPr fontId="6"/>
  </si>
  <si>
    <t>電力平準化用蓄電</t>
    <phoneticPr fontId="21"/>
  </si>
  <si>
    <t>発電</t>
    <phoneticPr fontId="21"/>
  </si>
  <si>
    <t>燃料電池発電</t>
    <phoneticPr fontId="21"/>
  </si>
  <si>
    <t xml:space="preserve">  発電装置</t>
    <rPh sb="2" eb="4">
      <t>ハツデン</t>
    </rPh>
    <rPh sb="4" eb="6">
      <t>ソウチ</t>
    </rPh>
    <phoneticPr fontId="6"/>
  </si>
  <si>
    <t>太陽光発電</t>
    <phoneticPr fontId="21"/>
  </si>
  <si>
    <t xml:space="preserve">  パワーコンディショナー</t>
    <phoneticPr fontId="6"/>
  </si>
  <si>
    <t>風力発電</t>
    <phoneticPr fontId="21"/>
  </si>
  <si>
    <t>構内情報通信網設備</t>
    <phoneticPr fontId="21"/>
  </si>
  <si>
    <t>　ＨＵＢ</t>
    <phoneticPr fontId="6"/>
  </si>
  <si>
    <t>　ルータ</t>
    <phoneticPr fontId="6"/>
  </si>
  <si>
    <t>　ファイヤーウォール</t>
    <phoneticPr fontId="6"/>
  </si>
  <si>
    <t>構内交換設備</t>
    <phoneticPr fontId="21"/>
  </si>
  <si>
    <t>マルチサイン</t>
    <phoneticPr fontId="21"/>
  </si>
  <si>
    <t>出退表示</t>
    <phoneticPr fontId="21"/>
  </si>
  <si>
    <t>　</t>
    <phoneticPr fontId="6"/>
  </si>
  <si>
    <t>時刻表示</t>
    <phoneticPr fontId="21"/>
  </si>
  <si>
    <t>映像・音響設備</t>
    <phoneticPr fontId="21"/>
  </si>
  <si>
    <t>　プロジェクタ</t>
    <phoneticPr fontId="6"/>
  </si>
  <si>
    <t>　スクリーン</t>
    <phoneticPr fontId="6"/>
  </si>
  <si>
    <t>　スピーカ</t>
    <phoneticPr fontId="6"/>
  </si>
  <si>
    <t>拡声設備</t>
    <phoneticPr fontId="21"/>
  </si>
  <si>
    <t>誘導支援</t>
    <phoneticPr fontId="21"/>
  </si>
  <si>
    <t>インターホン</t>
    <phoneticPr fontId="21"/>
  </si>
  <si>
    <t>トイレ呼出表示</t>
    <phoneticPr fontId="21"/>
  </si>
  <si>
    <t>受付呼出表示</t>
    <phoneticPr fontId="21"/>
  </si>
  <si>
    <t>テレビ共同受信設備</t>
    <phoneticPr fontId="21"/>
  </si>
  <si>
    <t>監視カメラ設備</t>
    <phoneticPr fontId="21"/>
  </si>
  <si>
    <t>　カメラ</t>
    <phoneticPr fontId="6"/>
  </si>
  <si>
    <t>ＩＣカード</t>
    <phoneticPr fontId="6"/>
  </si>
  <si>
    <t>種類ごとに区分し計上したか。</t>
    <rPh sb="0" eb="2">
      <t>シュルイ</t>
    </rPh>
    <phoneticPr fontId="6"/>
  </si>
  <si>
    <t>駐車場管制設備</t>
    <phoneticPr fontId="21"/>
  </si>
  <si>
    <t>　カーゲート</t>
    <phoneticPr fontId="6"/>
  </si>
  <si>
    <t>　カードリーダ</t>
    <phoneticPr fontId="6"/>
  </si>
  <si>
    <t>防犯</t>
    <phoneticPr fontId="21"/>
  </si>
  <si>
    <t>入退室管理</t>
    <phoneticPr fontId="21"/>
  </si>
  <si>
    <t>　カードリーダ</t>
    <phoneticPr fontId="6"/>
  </si>
  <si>
    <t>（11）火災報知設備</t>
    <phoneticPr fontId="6"/>
  </si>
  <si>
    <t>自動火災報知</t>
    <phoneticPr fontId="21"/>
  </si>
  <si>
    <t>自動閉鎖</t>
    <phoneticPr fontId="21"/>
  </si>
  <si>
    <t>ガス漏れ火災警報</t>
    <phoneticPr fontId="21"/>
  </si>
  <si>
    <t>（12）中央監視制御設備</t>
    <phoneticPr fontId="6"/>
  </si>
  <si>
    <t>警報盤</t>
    <phoneticPr fontId="21"/>
  </si>
  <si>
    <t>簡易形</t>
    <phoneticPr fontId="21"/>
  </si>
  <si>
    <t>監視制御装置</t>
    <phoneticPr fontId="21"/>
  </si>
  <si>
    <t>発生材処理</t>
    <phoneticPr fontId="6"/>
  </si>
  <si>
    <t>構内配電</t>
    <phoneticPr fontId="21"/>
  </si>
  <si>
    <t>外灯</t>
    <phoneticPr fontId="21"/>
  </si>
  <si>
    <t>ＲＩＢＣツール単価／数量／乗率　ゼロ検索で確認したか。</t>
    <rPh sb="7" eb="9">
      <t>タンカ</t>
    </rPh>
    <rPh sb="10" eb="12">
      <t>スウリョウ</t>
    </rPh>
    <rPh sb="13" eb="14">
      <t>ジョウ</t>
    </rPh>
    <rPh sb="14" eb="15">
      <t>リツ</t>
    </rPh>
    <rPh sb="18" eb="19">
      <t>ケン</t>
    </rPh>
    <rPh sb="19" eb="20">
      <t>サク</t>
    </rPh>
    <rPh sb="21" eb="23">
      <t>カクニン</t>
    </rPh>
    <phoneticPr fontId="6"/>
  </si>
  <si>
    <t>Ⅰ．基本事項</t>
    <phoneticPr fontId="6"/>
  </si>
  <si>
    <t>基準類等</t>
    <rPh sb="3" eb="4">
      <t>トウ</t>
    </rPh>
    <phoneticPr fontId="19"/>
  </si>
  <si>
    <t>適用となる基準類（適用年度）について確認したか。</t>
    <rPh sb="0" eb="2">
      <t>テキヨウ</t>
    </rPh>
    <rPh sb="5" eb="7">
      <t>キジュン</t>
    </rPh>
    <rPh sb="7" eb="8">
      <t>ルイ</t>
    </rPh>
    <rPh sb="9" eb="11">
      <t>テキヨウ</t>
    </rPh>
    <rPh sb="11" eb="13">
      <t>ネンド</t>
    </rPh>
    <rPh sb="18" eb="20">
      <t>カクニン</t>
    </rPh>
    <phoneticPr fontId="20"/>
  </si>
  <si>
    <t>Ⅱ．工事費の積算</t>
    <rPh sb="2" eb="5">
      <t>コウジヒ</t>
    </rPh>
    <rPh sb="6" eb="8">
      <t>セキサン</t>
    </rPh>
    <phoneticPr fontId="6"/>
  </si>
  <si>
    <t>物価資料の掲載価格を採用又は比較対象とした場合、規格、寸法、損料等の期間、取引数量等の適用条件と合致しているか。</t>
    <rPh sb="0" eb="2">
      <t>ブッカ</t>
    </rPh>
    <rPh sb="2" eb="4">
      <t>シリョウ</t>
    </rPh>
    <rPh sb="5" eb="7">
      <t>ケイサイ</t>
    </rPh>
    <rPh sb="7" eb="9">
      <t>カカク</t>
    </rPh>
    <rPh sb="10" eb="12">
      <t>サイヨウ</t>
    </rPh>
    <rPh sb="12" eb="13">
      <t>マタ</t>
    </rPh>
    <rPh sb="14" eb="16">
      <t>ヒカク</t>
    </rPh>
    <rPh sb="16" eb="18">
      <t>タイショウ</t>
    </rPh>
    <rPh sb="21" eb="23">
      <t>バアイ</t>
    </rPh>
    <rPh sb="24" eb="26">
      <t>キカク</t>
    </rPh>
    <rPh sb="27" eb="29">
      <t>スンポウ</t>
    </rPh>
    <rPh sb="30" eb="33">
      <t>ソンリョウナド</t>
    </rPh>
    <rPh sb="34" eb="36">
      <t>キカン</t>
    </rPh>
    <rPh sb="37" eb="39">
      <t>トリヒキ</t>
    </rPh>
    <rPh sb="39" eb="42">
      <t>スウリョウナド</t>
    </rPh>
    <rPh sb="43" eb="45">
      <t>テキヨウ</t>
    </rPh>
    <rPh sb="45" eb="47">
      <t>ジョウケン</t>
    </rPh>
    <rPh sb="48" eb="50">
      <t>ガッチ</t>
    </rPh>
    <phoneticPr fontId="21"/>
  </si>
  <si>
    <t>設計変更における基準は、当初設計における工事費積算時の基準としたか。</t>
    <rPh sb="0" eb="2">
      <t>セッケイ</t>
    </rPh>
    <rPh sb="2" eb="4">
      <t>ヘンコウ</t>
    </rPh>
    <rPh sb="8" eb="10">
      <t>キジュン</t>
    </rPh>
    <rPh sb="12" eb="14">
      <t>トウショ</t>
    </rPh>
    <rPh sb="14" eb="16">
      <t>セッケイ</t>
    </rPh>
    <rPh sb="20" eb="23">
      <t>コウジヒ</t>
    </rPh>
    <rPh sb="23" eb="26">
      <t>セキサンジ</t>
    </rPh>
    <rPh sb="27" eb="29">
      <t>キジュン</t>
    </rPh>
    <phoneticPr fontId="21"/>
  </si>
  <si>
    <t>「単価基準」及び「基準等資料」で「その他」の率を確認したか。</t>
    <rPh sb="1" eb="3">
      <t>タンカ</t>
    </rPh>
    <rPh sb="3" eb="5">
      <t>キジュン</t>
    </rPh>
    <rPh sb="6" eb="7">
      <t>オヨ</t>
    </rPh>
    <rPh sb="9" eb="12">
      <t>キジュントウ</t>
    </rPh>
    <rPh sb="12" eb="14">
      <t>シリョウ</t>
    </rPh>
    <rPh sb="19" eb="20">
      <t>タ</t>
    </rPh>
    <rPh sb="22" eb="23">
      <t>リツ</t>
    </rPh>
    <rPh sb="24" eb="26">
      <t>カクニン</t>
    </rPh>
    <phoneticPr fontId="21"/>
  </si>
  <si>
    <t>「材料費」、「労務費」及び「運搬費及び消耗材料費等」の組合せによる単価としているか。</t>
    <rPh sb="1" eb="4">
      <t>ザイリョウヒ</t>
    </rPh>
    <rPh sb="7" eb="10">
      <t>ロウムヒ</t>
    </rPh>
    <rPh sb="11" eb="12">
      <t>オヨ</t>
    </rPh>
    <rPh sb="14" eb="17">
      <t>ウンパンヒ</t>
    </rPh>
    <rPh sb="17" eb="18">
      <t>オヨ</t>
    </rPh>
    <rPh sb="19" eb="21">
      <t>ショウモウ</t>
    </rPh>
    <rPh sb="21" eb="25">
      <t>ザイリョウヒナド</t>
    </rPh>
    <rPh sb="27" eb="29">
      <t>クミアワ</t>
    </rPh>
    <rPh sb="33" eb="35">
      <t>タンカ</t>
    </rPh>
    <phoneticPr fontId="21"/>
  </si>
  <si>
    <t>材料価格及び材料単価は、物価資料の掲載価格などから採用しているか。</t>
    <rPh sb="0" eb="2">
      <t>ザイリョウ</t>
    </rPh>
    <rPh sb="2" eb="4">
      <t>カカク</t>
    </rPh>
    <rPh sb="4" eb="5">
      <t>オヨ</t>
    </rPh>
    <rPh sb="6" eb="8">
      <t>ザイリョウ</t>
    </rPh>
    <rPh sb="8" eb="10">
      <t>タンカ</t>
    </rPh>
    <rPh sb="12" eb="14">
      <t>ブッカ</t>
    </rPh>
    <rPh sb="14" eb="16">
      <t>シリョウ</t>
    </rPh>
    <rPh sb="17" eb="21">
      <t>ケイサイカカク</t>
    </rPh>
    <rPh sb="25" eb="27">
      <t>サイヨウ</t>
    </rPh>
    <phoneticPr fontId="21"/>
  </si>
  <si>
    <t>物価資料に掲載された材料単価等は、平均値を採用したか。なお、１つの物価資料にのみ掲載されている場合は、掲載された単価としたか。</t>
    <rPh sb="0" eb="2">
      <t>ブッカ</t>
    </rPh>
    <rPh sb="2" eb="4">
      <t>シリョウ</t>
    </rPh>
    <rPh sb="5" eb="7">
      <t>ケイサイ</t>
    </rPh>
    <rPh sb="10" eb="12">
      <t>ザイリョウ</t>
    </rPh>
    <rPh sb="12" eb="14">
      <t>タンカ</t>
    </rPh>
    <rPh sb="14" eb="15">
      <t>トウ</t>
    </rPh>
    <rPh sb="17" eb="20">
      <t>ヘイキンチ</t>
    </rPh>
    <rPh sb="21" eb="23">
      <t>サイヨウ</t>
    </rPh>
    <rPh sb="33" eb="35">
      <t>ブッカ</t>
    </rPh>
    <rPh sb="35" eb="37">
      <t>シリョウ</t>
    </rPh>
    <rPh sb="40" eb="42">
      <t>ケイサイ</t>
    </rPh>
    <rPh sb="47" eb="49">
      <t>バアイ</t>
    </rPh>
    <rPh sb="51" eb="53">
      <t>ケイサイ</t>
    </rPh>
    <rPh sb="56" eb="58">
      <t>タンカ</t>
    </rPh>
    <phoneticPr fontId="21"/>
  </si>
  <si>
    <t>物価資料の掲載価格が「公表価格」の場合、市中における取引状況等を確認し、補正を検討したか。</t>
    <phoneticPr fontId="21"/>
  </si>
  <si>
    <t>代価表で歩掛りを作成した場合に、作成の根拠を明示したか。</t>
    <phoneticPr fontId="21"/>
  </si>
  <si>
    <t>内部改修の１室において、個別改修と複合改修が混在する場合の単価は、対象面積全てを複合改修としたか。</t>
    <phoneticPr fontId="21"/>
  </si>
  <si>
    <t>外部足場</t>
    <rPh sb="0" eb="2">
      <t>ガイブ</t>
    </rPh>
    <rPh sb="2" eb="4">
      <t>アシバ</t>
    </rPh>
    <phoneticPr fontId="21"/>
  </si>
  <si>
    <t>足場の存置日数が設計図書に記載がない場合は、発注上の工期や準備期間（１ヶ月程度）、掛払い日数と改修内容、改修面積等に基づき想定したか。</t>
    <phoneticPr fontId="21"/>
  </si>
  <si>
    <t>災害防止</t>
    <rPh sb="0" eb="2">
      <t>サイガイ</t>
    </rPh>
    <rPh sb="2" eb="4">
      <t>ボウシ</t>
    </rPh>
    <phoneticPr fontId="21"/>
  </si>
  <si>
    <t>災害防止（金網、シート等）の存置日数は、特別な場合を除き外部足場と同じ日数を標準としたか。</t>
    <rPh sb="5" eb="7">
      <t>カナアミ</t>
    </rPh>
    <rPh sb="11" eb="12">
      <t>ナド</t>
    </rPh>
    <phoneticPr fontId="21"/>
  </si>
  <si>
    <t>内部足場</t>
    <rPh sb="0" eb="2">
      <t>ナイブ</t>
    </rPh>
    <rPh sb="2" eb="4">
      <t>アシバ</t>
    </rPh>
    <phoneticPr fontId="21"/>
  </si>
  <si>
    <t>階高４ｍを超える場合は、新営工事の仮設を適用し、標準設計供用日数は３０日としたか。</t>
    <phoneticPr fontId="21"/>
  </si>
  <si>
    <t>撤去から改修終了まで長期の期間を要する場合は、損料等について適切に計上したか。</t>
    <phoneticPr fontId="21"/>
  </si>
  <si>
    <t>撤去後、改修を行う期間まで足場を要しない工事が発生する場合は、掛け払い手間について適切に計上したか。</t>
    <phoneticPr fontId="21"/>
  </si>
  <si>
    <t>仮設材運般</t>
    <rPh sb="0" eb="2">
      <t>カセツ</t>
    </rPh>
    <rPh sb="2" eb="3">
      <t>ザイ</t>
    </rPh>
    <rPh sb="3" eb="4">
      <t>ウン</t>
    </rPh>
    <rPh sb="4" eb="5">
      <t>パン</t>
    </rPh>
    <phoneticPr fontId="21"/>
  </si>
  <si>
    <t>ベース車両４ｔ車を標準とするが、現場状況等により規格の異なる車両を想定する場合は別途考慮したか。</t>
    <phoneticPr fontId="21"/>
  </si>
  <si>
    <t>共通事項</t>
    <rPh sb="0" eb="2">
      <t>キョウツウ</t>
    </rPh>
    <rPh sb="2" eb="4">
      <t>ジコウ</t>
    </rPh>
    <phoneticPr fontId="6"/>
  </si>
  <si>
    <t>養生、整理清掃･後片付け</t>
    <phoneticPr fontId="21"/>
  </si>
  <si>
    <t>共通事項</t>
    <rPh sb="0" eb="2">
      <t>キョウツウ</t>
    </rPh>
    <rPh sb="2" eb="4">
      <t>ジコウ</t>
    </rPh>
    <phoneticPr fontId="21"/>
  </si>
  <si>
    <t>物価資料に掲載された市場単価は、平均値を採用したか。</t>
    <rPh sb="0" eb="2">
      <t>ブッカ</t>
    </rPh>
    <rPh sb="2" eb="4">
      <t>シリョウ</t>
    </rPh>
    <rPh sb="5" eb="7">
      <t>ケイサイ</t>
    </rPh>
    <rPh sb="10" eb="12">
      <t>シジョウ</t>
    </rPh>
    <rPh sb="12" eb="14">
      <t>タンカ</t>
    </rPh>
    <rPh sb="16" eb="19">
      <t>ヘイキンチ</t>
    </rPh>
    <rPh sb="20" eb="22">
      <t>サイヨウ</t>
    </rPh>
    <phoneticPr fontId="21"/>
  </si>
  <si>
    <t>市場単価を採用する場合は、単価構成の内容を確認し、項目の二重計上や漏れがないか。</t>
    <phoneticPr fontId="21"/>
  </si>
  <si>
    <t>各社の見積書の内容が、見積書の提出依頼の際に提示した設計図書、数量、見積条件書等に基づき、過不足のないものとしたか。</t>
    <rPh sb="0" eb="2">
      <t>カクシャ</t>
    </rPh>
    <rPh sb="3" eb="6">
      <t>ミツモリショ</t>
    </rPh>
    <rPh sb="7" eb="9">
      <t>ナイヨウ</t>
    </rPh>
    <rPh sb="11" eb="13">
      <t>ミツ</t>
    </rPh>
    <rPh sb="13" eb="14">
      <t>ショ</t>
    </rPh>
    <rPh sb="15" eb="17">
      <t>テイシュツ</t>
    </rPh>
    <rPh sb="17" eb="19">
      <t>イライ</t>
    </rPh>
    <rPh sb="20" eb="21">
      <t>サイ</t>
    </rPh>
    <rPh sb="22" eb="24">
      <t>テイジ</t>
    </rPh>
    <rPh sb="26" eb="28">
      <t>セッケイ</t>
    </rPh>
    <rPh sb="31" eb="33">
      <t>スウリョウ</t>
    </rPh>
    <rPh sb="34" eb="36">
      <t>ミツ</t>
    </rPh>
    <rPh sb="36" eb="38">
      <t>ジョウケン</t>
    </rPh>
    <rPh sb="38" eb="39">
      <t>ショ</t>
    </rPh>
    <rPh sb="39" eb="40">
      <t>ナド</t>
    </rPh>
    <rPh sb="41" eb="42">
      <t>モト</t>
    </rPh>
    <rPh sb="45" eb="48">
      <t>カブソク</t>
    </rPh>
    <phoneticPr fontId="21"/>
  </si>
  <si>
    <t>見積書の宛先、工事名、工事場所、日付、見積りの有効期限が適正か。</t>
    <rPh sb="11" eb="13">
      <t>コウジ</t>
    </rPh>
    <rPh sb="13" eb="15">
      <t>バショ</t>
    </rPh>
    <rPh sb="19" eb="21">
      <t>ミツモ</t>
    </rPh>
    <phoneticPr fontId="21"/>
  </si>
  <si>
    <t>材工共の見積りは、材料費、施工費、運搬費、下請経費及び法定福利費がわかるようになっているか。</t>
    <rPh sb="13" eb="15">
      <t>セコウ</t>
    </rPh>
    <rPh sb="17" eb="20">
      <t>ウンパンヒ</t>
    </rPh>
    <phoneticPr fontId="21"/>
  </si>
  <si>
    <t>単価の建設物価、積算資料、建築施工単価、建築コスト情報からの引用にあたり、単価構成内容（材、材工共等）や、実勢・公表価格のいずれか等を確認したか。</t>
  </si>
  <si>
    <t>見積比較表の各社の合計金額が見積書と一致しているか。</t>
    <rPh sb="11" eb="13">
      <t>キンガク</t>
    </rPh>
    <phoneticPr fontId="21"/>
  </si>
  <si>
    <t>見積書の材料費と労務費のそれぞれの内容が、施工実態を踏まえた過不足のないものとしたか。</t>
    <rPh sb="0" eb="3">
      <t>ミツモリショ</t>
    </rPh>
    <rPh sb="4" eb="7">
      <t>ザイリョウヒ</t>
    </rPh>
    <rPh sb="8" eb="11">
      <t>ロウムヒ</t>
    </rPh>
    <rPh sb="17" eb="19">
      <t>ナイヨウ</t>
    </rPh>
    <rPh sb="21" eb="23">
      <t>セコウ</t>
    </rPh>
    <rPh sb="23" eb="25">
      <t>ジッタイ</t>
    </rPh>
    <rPh sb="26" eb="27">
      <t>フ</t>
    </rPh>
    <rPh sb="30" eb="33">
      <t>カブソク</t>
    </rPh>
    <phoneticPr fontId="21"/>
  </si>
  <si>
    <t>見積依頼</t>
    <rPh sb="0" eb="2">
      <t>ミツ</t>
    </rPh>
    <rPh sb="2" eb="4">
      <t>イライ</t>
    </rPh>
    <phoneticPr fontId="21"/>
  </si>
  <si>
    <t>工事名称を正しく記載したか。</t>
    <rPh sb="0" eb="2">
      <t>コウジ</t>
    </rPh>
    <rPh sb="2" eb="4">
      <t>メイショウ</t>
    </rPh>
    <rPh sb="5" eb="6">
      <t>タダ</t>
    </rPh>
    <rPh sb="8" eb="10">
      <t>キサイ</t>
    </rPh>
    <phoneticPr fontId="8"/>
  </si>
  <si>
    <t>工事場所を正しく記載したか。</t>
    <rPh sb="0" eb="2">
      <t>コウジ</t>
    </rPh>
    <rPh sb="2" eb="4">
      <t>バショ</t>
    </rPh>
    <rPh sb="5" eb="6">
      <t>タダ</t>
    </rPh>
    <rPh sb="8" eb="10">
      <t>キサイ</t>
    </rPh>
    <phoneticPr fontId="8"/>
  </si>
  <si>
    <t>宛名</t>
    <rPh sb="0" eb="2">
      <t>アテナ</t>
    </rPh>
    <phoneticPr fontId="21"/>
  </si>
  <si>
    <t>あて先は発注者の指示によるものとしたか。</t>
    <phoneticPr fontId="21"/>
  </si>
  <si>
    <t>見積有効期限</t>
    <rPh sb="0" eb="2">
      <t>ミツモリ</t>
    </rPh>
    <rPh sb="2" eb="4">
      <t>ユウコウ</t>
    </rPh>
    <rPh sb="4" eb="6">
      <t>キゲン</t>
    </rPh>
    <phoneticPr fontId="21"/>
  </si>
  <si>
    <t>入札日を考慮し、必要とする日数を検討して記入したか。</t>
    <rPh sb="0" eb="3">
      <t>ニュウサツビ</t>
    </rPh>
    <phoneticPr fontId="21"/>
  </si>
  <si>
    <t>受渡場所</t>
    <phoneticPr fontId="21"/>
  </si>
  <si>
    <t>受渡場所は、原則として現場軒先渡しとし、（現場車上渡しは不可）見積資機材の据付費を含める場合には、現場据付渡しとし、記入したか。</t>
    <rPh sb="0" eb="2">
      <t>ウケワタシ</t>
    </rPh>
    <rPh sb="2" eb="4">
      <t>バショ</t>
    </rPh>
    <rPh sb="6" eb="8">
      <t>ゲンソク</t>
    </rPh>
    <rPh sb="11" eb="13">
      <t>ゲンバ</t>
    </rPh>
    <rPh sb="13" eb="15">
      <t>ノキサキ</t>
    </rPh>
    <rPh sb="15" eb="16">
      <t>ワタ</t>
    </rPh>
    <rPh sb="21" eb="23">
      <t>ゲンバ</t>
    </rPh>
    <rPh sb="23" eb="25">
      <t>シャジョウ</t>
    </rPh>
    <rPh sb="25" eb="26">
      <t>ワタ</t>
    </rPh>
    <rPh sb="28" eb="30">
      <t>フカ</t>
    </rPh>
    <rPh sb="31" eb="33">
      <t>ミツモリ</t>
    </rPh>
    <rPh sb="33" eb="36">
      <t>シキザイ</t>
    </rPh>
    <rPh sb="37" eb="39">
      <t>スエツケ</t>
    </rPh>
    <rPh sb="39" eb="40">
      <t>ヒ</t>
    </rPh>
    <rPh sb="41" eb="42">
      <t>フク</t>
    </rPh>
    <rPh sb="44" eb="46">
      <t>バアイ</t>
    </rPh>
    <rPh sb="49" eb="51">
      <t>ゲンバ</t>
    </rPh>
    <rPh sb="51" eb="53">
      <t>スエツケ</t>
    </rPh>
    <rPh sb="53" eb="54">
      <t>ワタ</t>
    </rPh>
    <rPh sb="58" eb="60">
      <t>キニュウ</t>
    </rPh>
    <phoneticPr fontId="8"/>
  </si>
  <si>
    <t>見積依頼内容</t>
    <phoneticPr fontId="21"/>
  </si>
  <si>
    <t>設計図書を確認し、記入したか。</t>
    <phoneticPr fontId="21"/>
  </si>
  <si>
    <t>見積依頼範囲を明確にしたか。</t>
    <phoneticPr fontId="21"/>
  </si>
  <si>
    <t>諸経費の扱いを明確にしたか。</t>
    <phoneticPr fontId="21"/>
  </si>
  <si>
    <t>見積依頼範囲が区別できるか。</t>
    <phoneticPr fontId="21"/>
  </si>
  <si>
    <t>見積書の確認</t>
    <phoneticPr fontId="21"/>
  </si>
  <si>
    <t>提出日</t>
    <rPh sb="0" eb="2">
      <t>テイシュツ</t>
    </rPh>
    <rPh sb="2" eb="3">
      <t>ビ</t>
    </rPh>
    <phoneticPr fontId="21"/>
  </si>
  <si>
    <t>見積書に提出日が記載されているか。</t>
    <rPh sb="0" eb="3">
      <t>ミツモリショ</t>
    </rPh>
    <rPh sb="4" eb="6">
      <t>テイシュツ</t>
    </rPh>
    <rPh sb="6" eb="7">
      <t>ニチ</t>
    </rPh>
    <rPh sb="8" eb="10">
      <t>キサイ</t>
    </rPh>
    <phoneticPr fontId="21"/>
  </si>
  <si>
    <t>見積有効期限</t>
    <rPh sb="0" eb="2">
      <t>ミツモリ</t>
    </rPh>
    <rPh sb="2" eb="4">
      <t>ユウコウ</t>
    </rPh>
    <rPh sb="4" eb="6">
      <t>キゲン</t>
    </rPh>
    <phoneticPr fontId="23"/>
  </si>
  <si>
    <t>必要とする日数となっているか。</t>
    <rPh sb="0" eb="2">
      <t>ヒツヨウ</t>
    </rPh>
    <rPh sb="5" eb="7">
      <t>ニッスウ</t>
    </rPh>
    <phoneticPr fontId="21"/>
  </si>
  <si>
    <t>表紙</t>
    <rPh sb="0" eb="2">
      <t>ヒョウシ</t>
    </rPh>
    <phoneticPr fontId="21"/>
  </si>
  <si>
    <t>見積内容</t>
    <rPh sb="0" eb="2">
      <t>ミツ</t>
    </rPh>
    <rPh sb="2" eb="4">
      <t>ナイヨウ</t>
    </rPh>
    <phoneticPr fontId="21"/>
  </si>
  <si>
    <t>記載内容により、図面修正を検討したか。</t>
    <rPh sb="0" eb="2">
      <t>キサイ</t>
    </rPh>
    <rPh sb="2" eb="4">
      <t>ナイヨウ</t>
    </rPh>
    <rPh sb="8" eb="10">
      <t>ズメン</t>
    </rPh>
    <rPh sb="10" eb="12">
      <t>シュウセイ</t>
    </rPh>
    <rPh sb="13" eb="15">
      <t>ケントウ</t>
    </rPh>
    <phoneticPr fontId="23"/>
  </si>
  <si>
    <t>見積り条件に対する記載内容を確認し、採用・不採用を判断したか。</t>
    <rPh sb="0" eb="2">
      <t>ミツ</t>
    </rPh>
    <rPh sb="3" eb="5">
      <t>ジョウケン</t>
    </rPh>
    <rPh sb="6" eb="7">
      <t>タイ</t>
    </rPh>
    <rPh sb="9" eb="11">
      <t>キサイ</t>
    </rPh>
    <rPh sb="11" eb="13">
      <t>ナイヨウ</t>
    </rPh>
    <rPh sb="14" eb="16">
      <t>カクニン</t>
    </rPh>
    <rPh sb="18" eb="20">
      <t>サイヨウ</t>
    </rPh>
    <rPh sb="21" eb="24">
      <t>フサイヨウ</t>
    </rPh>
    <rPh sb="25" eb="27">
      <t>ハンダン</t>
    </rPh>
    <phoneticPr fontId="23"/>
  </si>
  <si>
    <t>金額欄</t>
    <rPh sb="0" eb="2">
      <t>キンガク</t>
    </rPh>
    <rPh sb="2" eb="3">
      <t>ラン</t>
    </rPh>
    <phoneticPr fontId="21"/>
  </si>
  <si>
    <t>各価格の記入に漏れはないか確認したか。</t>
    <rPh sb="0" eb="1">
      <t>カク</t>
    </rPh>
    <rPh sb="1" eb="3">
      <t>カカク</t>
    </rPh>
    <rPh sb="4" eb="6">
      <t>キニュウ</t>
    </rPh>
    <rPh sb="7" eb="8">
      <t>モ</t>
    </rPh>
    <rPh sb="13" eb="15">
      <t>カクニン</t>
    </rPh>
    <phoneticPr fontId="23"/>
  </si>
  <si>
    <t>価格の計算に間違えはないか確認したか。</t>
    <rPh sb="0" eb="2">
      <t>カカク</t>
    </rPh>
    <rPh sb="3" eb="5">
      <t>ケイサン</t>
    </rPh>
    <rPh sb="6" eb="8">
      <t>マチガ</t>
    </rPh>
    <rPh sb="13" eb="15">
      <t>カクニン</t>
    </rPh>
    <phoneticPr fontId="23"/>
  </si>
  <si>
    <t>本体価格に含まれている項目を確認したか。</t>
    <rPh sb="11" eb="13">
      <t>コウモク</t>
    </rPh>
    <rPh sb="14" eb="16">
      <t>カクニン</t>
    </rPh>
    <phoneticPr fontId="21"/>
  </si>
  <si>
    <t>変更設計</t>
    <phoneticPr fontId="21"/>
  </si>
  <si>
    <t>機器の仕様変更の見積りは、原設計時の見積採用の製造者、現場採用の製造者を含めて複数社からの収集としたか。</t>
    <rPh sb="0" eb="2">
      <t>キキ</t>
    </rPh>
    <rPh sb="3" eb="5">
      <t>シヨウ</t>
    </rPh>
    <rPh sb="5" eb="7">
      <t>ヘンコウ</t>
    </rPh>
    <rPh sb="8" eb="10">
      <t>ミツモ</t>
    </rPh>
    <rPh sb="13" eb="16">
      <t>ゲンセッケイ</t>
    </rPh>
    <rPh sb="16" eb="17">
      <t>ジ</t>
    </rPh>
    <rPh sb="18" eb="20">
      <t>ミツモリ</t>
    </rPh>
    <rPh sb="20" eb="22">
      <t>サイヨウ</t>
    </rPh>
    <rPh sb="23" eb="26">
      <t>セイゾウシャ</t>
    </rPh>
    <rPh sb="27" eb="29">
      <t>ゲンバ</t>
    </rPh>
    <rPh sb="29" eb="31">
      <t>サイヨウ</t>
    </rPh>
    <rPh sb="32" eb="35">
      <t>セイゾウシャ</t>
    </rPh>
    <rPh sb="36" eb="37">
      <t>フク</t>
    </rPh>
    <rPh sb="39" eb="41">
      <t>フクスウ</t>
    </rPh>
    <rPh sb="41" eb="42">
      <t>シャ</t>
    </rPh>
    <rPh sb="45" eb="47">
      <t>シュウシュウ</t>
    </rPh>
    <phoneticPr fontId="21"/>
  </si>
  <si>
    <t>見積内訳書の記載内容を確認したか。</t>
    <rPh sb="0" eb="2">
      <t>ミツモリ</t>
    </rPh>
    <rPh sb="2" eb="5">
      <t>ウチワケショ</t>
    </rPh>
    <rPh sb="6" eb="8">
      <t>キサイ</t>
    </rPh>
    <rPh sb="8" eb="10">
      <t>ナイヨウ</t>
    </rPh>
    <rPh sb="11" eb="13">
      <t>カクニン</t>
    </rPh>
    <phoneticPr fontId="8"/>
  </si>
  <si>
    <t>・特注の場合は記載されている仕様が図面と一致しているか確認したか。</t>
    <rPh sb="1" eb="3">
      <t>トクチュウ</t>
    </rPh>
    <rPh sb="4" eb="6">
      <t>バアイ</t>
    </rPh>
    <rPh sb="7" eb="9">
      <t>キサイ</t>
    </rPh>
    <rPh sb="14" eb="16">
      <t>シヨウ</t>
    </rPh>
    <rPh sb="17" eb="19">
      <t>ズメン</t>
    </rPh>
    <rPh sb="20" eb="22">
      <t>イッチ</t>
    </rPh>
    <rPh sb="27" eb="28">
      <t>カク</t>
    </rPh>
    <rPh sb="28" eb="29">
      <t>シノブ</t>
    </rPh>
    <phoneticPr fontId="8"/>
  </si>
  <si>
    <t>・製造者標準品関連器具は、製造者型番により、カタログと図面を比較し問題がないことを確認したか。</t>
    <rPh sb="1" eb="4">
      <t>セイゾウシャ</t>
    </rPh>
    <rPh sb="4" eb="7">
      <t>ヒョウジュンヒン</t>
    </rPh>
    <rPh sb="7" eb="9">
      <t>カンレン</t>
    </rPh>
    <rPh sb="9" eb="11">
      <t>キグ</t>
    </rPh>
    <rPh sb="13" eb="16">
      <t>セイゾウシャ</t>
    </rPh>
    <rPh sb="16" eb="18">
      <t>カタバン</t>
    </rPh>
    <rPh sb="27" eb="29">
      <t>ズメン</t>
    </rPh>
    <rPh sb="30" eb="32">
      <t>ヒカク</t>
    </rPh>
    <rPh sb="33" eb="35">
      <t>モンダイ</t>
    </rPh>
    <rPh sb="41" eb="43">
      <t>カクニン</t>
    </rPh>
    <phoneticPr fontId="8"/>
  </si>
  <si>
    <t>・主幹器具形式、容量及び数量を確認したか。</t>
    <rPh sb="1" eb="3">
      <t>シュカン</t>
    </rPh>
    <rPh sb="3" eb="5">
      <t>キグ</t>
    </rPh>
    <rPh sb="5" eb="7">
      <t>ケイシキ</t>
    </rPh>
    <rPh sb="8" eb="10">
      <t>ヨウリョウ</t>
    </rPh>
    <rPh sb="10" eb="11">
      <t>オヨ</t>
    </rPh>
    <rPh sb="12" eb="14">
      <t>スウリョウ</t>
    </rPh>
    <rPh sb="15" eb="17">
      <t>カクニン</t>
    </rPh>
    <phoneticPr fontId="6"/>
  </si>
  <si>
    <t>・分岐器具形式、容量及び数量を確認したか。</t>
    <rPh sb="1" eb="3">
      <t>ブンキ</t>
    </rPh>
    <rPh sb="3" eb="5">
      <t>キグ</t>
    </rPh>
    <rPh sb="5" eb="7">
      <t>ケイシキ</t>
    </rPh>
    <rPh sb="8" eb="10">
      <t>ヨウリョウ</t>
    </rPh>
    <rPh sb="10" eb="11">
      <t>オヨ</t>
    </rPh>
    <rPh sb="12" eb="14">
      <t>スウリョウ</t>
    </rPh>
    <rPh sb="15" eb="17">
      <t>カクニン</t>
    </rPh>
    <phoneticPr fontId="6"/>
  </si>
  <si>
    <t>・付属器具の数量を確認したか。</t>
    <rPh sb="1" eb="3">
      <t>フゾク</t>
    </rPh>
    <rPh sb="3" eb="5">
      <t>キグ</t>
    </rPh>
    <rPh sb="6" eb="8">
      <t>スウリョウ</t>
    </rPh>
    <rPh sb="9" eb="11">
      <t>カクニン</t>
    </rPh>
    <phoneticPr fontId="6"/>
  </si>
  <si>
    <t>・寸法及び重量を確認したか。</t>
    <rPh sb="1" eb="3">
      <t>スンポウ</t>
    </rPh>
    <rPh sb="3" eb="4">
      <t>オヨ</t>
    </rPh>
    <rPh sb="5" eb="7">
      <t>ジュウリョウ</t>
    </rPh>
    <rPh sb="8" eb="10">
      <t>カクニン</t>
    </rPh>
    <phoneticPr fontId="6"/>
  </si>
  <si>
    <t>・形式、蓄電池種別、容量、寸法及び重量を確認したか。</t>
    <rPh sb="13" eb="15">
      <t>スンポウ</t>
    </rPh>
    <rPh sb="15" eb="16">
      <t>オヨ</t>
    </rPh>
    <rPh sb="17" eb="19">
      <t>ジュウリョウ</t>
    </rPh>
    <rPh sb="20" eb="22">
      <t>カクニン</t>
    </rPh>
    <phoneticPr fontId="8"/>
  </si>
  <si>
    <t>・充電装置及び収納箱の重量を確認したか。</t>
    <rPh sb="5" eb="6">
      <t>オヨ</t>
    </rPh>
    <rPh sb="14" eb="16">
      <t>カクニン</t>
    </rPh>
    <phoneticPr fontId="8"/>
  </si>
  <si>
    <t>・形式、電気方式及び性能を確認したか。</t>
    <rPh sb="1" eb="3">
      <t>ケイシキ</t>
    </rPh>
    <rPh sb="4" eb="6">
      <t>デンキ</t>
    </rPh>
    <rPh sb="6" eb="8">
      <t>ホウシキ</t>
    </rPh>
    <rPh sb="8" eb="9">
      <t>オヨ</t>
    </rPh>
    <rPh sb="10" eb="12">
      <t>セイノウ</t>
    </rPh>
    <rPh sb="13" eb="15">
      <t>カクニン</t>
    </rPh>
    <phoneticPr fontId="8"/>
  </si>
  <si>
    <t>・施工費を確認したか。
　搬入費、据付費、試験調整費等
（人工、労務費明細を確認する。）</t>
    <rPh sb="5" eb="7">
      <t>カクニン</t>
    </rPh>
    <rPh sb="15" eb="16">
      <t>ヒ</t>
    </rPh>
    <rPh sb="19" eb="20">
      <t>ヒ</t>
    </rPh>
    <rPh sb="26" eb="27">
      <t>トウ</t>
    </rPh>
    <phoneticPr fontId="8"/>
  </si>
  <si>
    <t>・諸経費及び法定福利費を確認したか。
　諸経費及び法定福利費とは、施工費に対するものとする。
（適用範囲を確認する。）</t>
    <rPh sb="4" eb="5">
      <t>オヨ</t>
    </rPh>
    <rPh sb="12" eb="14">
      <t>カクニン</t>
    </rPh>
    <rPh sb="23" eb="24">
      <t>オヨ</t>
    </rPh>
    <rPh sb="48" eb="50">
      <t>テキヨウ</t>
    </rPh>
    <rPh sb="50" eb="52">
      <t>ハンイ</t>
    </rPh>
    <rPh sb="53" eb="55">
      <t>カクニン</t>
    </rPh>
    <phoneticPr fontId="8"/>
  </si>
  <si>
    <t>電力平準化用蓄電装置</t>
    <rPh sb="0" eb="2">
      <t>デンリョク</t>
    </rPh>
    <rPh sb="2" eb="5">
      <t>ヘイジュンカ</t>
    </rPh>
    <rPh sb="5" eb="6">
      <t>ヨウ</t>
    </rPh>
    <rPh sb="6" eb="8">
      <t>チクデン</t>
    </rPh>
    <rPh sb="8" eb="10">
      <t>ソウチ</t>
    </rPh>
    <phoneticPr fontId="8"/>
  </si>
  <si>
    <t>・形式、定格、容量、機能及び蓄電池種別を確認したか。</t>
    <rPh sb="7" eb="9">
      <t>ヨウリョウ</t>
    </rPh>
    <rPh sb="10" eb="12">
      <t>キノウ</t>
    </rPh>
    <rPh sb="12" eb="13">
      <t>オヨ</t>
    </rPh>
    <rPh sb="14" eb="17">
      <t>チクデンチ</t>
    </rPh>
    <rPh sb="20" eb="22">
      <t>カクニン</t>
    </rPh>
    <phoneticPr fontId="7"/>
  </si>
  <si>
    <t>　（a）発電装置</t>
    <rPh sb="6" eb="8">
      <t>ソウチ</t>
    </rPh>
    <phoneticPr fontId="6"/>
  </si>
  <si>
    <t>・形式、定格、性能、容量、寸法、重量等を確認したか。</t>
    <rPh sb="1" eb="3">
      <t>ケイシキ</t>
    </rPh>
    <rPh sb="4" eb="6">
      <t>テイカク</t>
    </rPh>
    <rPh sb="7" eb="9">
      <t>セイノウ</t>
    </rPh>
    <rPh sb="10" eb="12">
      <t>ヨウリョウ</t>
    </rPh>
    <rPh sb="18" eb="19">
      <t>ナド</t>
    </rPh>
    <rPh sb="20" eb="22">
      <t>カクニン</t>
    </rPh>
    <phoneticPr fontId="8"/>
  </si>
  <si>
    <t>・形式、制御方式等を確認したか。</t>
    <rPh sb="1" eb="3">
      <t>ケイシキ</t>
    </rPh>
    <rPh sb="4" eb="6">
      <t>セイギョ</t>
    </rPh>
    <rPh sb="6" eb="8">
      <t>ホウシキ</t>
    </rPh>
    <rPh sb="8" eb="9">
      <t>ナド</t>
    </rPh>
    <rPh sb="10" eb="12">
      <t>カクニン</t>
    </rPh>
    <phoneticPr fontId="8"/>
  </si>
  <si>
    <t>・形式、定格、容量等を確認したか。</t>
    <rPh sb="1" eb="3">
      <t>ケイシキ</t>
    </rPh>
    <rPh sb="4" eb="6">
      <t>テイカク</t>
    </rPh>
    <rPh sb="7" eb="10">
      <t>ヨウリョウナド</t>
    </rPh>
    <rPh sb="11" eb="13">
      <t>カクニン</t>
    </rPh>
    <phoneticPr fontId="8"/>
  </si>
  <si>
    <t>・施工費を確認したか。
　機側配管・配線工事、搬入費、据付費、試験調整費等
（人工、労務費明細を確認する。）</t>
    <rPh sb="5" eb="7">
      <t>カクニン</t>
    </rPh>
    <rPh sb="25" eb="26">
      <t>ヒ</t>
    </rPh>
    <rPh sb="29" eb="30">
      <t>ヒ</t>
    </rPh>
    <rPh sb="36" eb="37">
      <t>トウ</t>
    </rPh>
    <phoneticPr fontId="8"/>
  </si>
  <si>
    <t>・種別、定格、性能、容量等を確認したか。</t>
    <rPh sb="7" eb="9">
      <t>セイノウ</t>
    </rPh>
    <rPh sb="14" eb="16">
      <t>カクニン</t>
    </rPh>
    <phoneticPr fontId="7"/>
  </si>
  <si>
    <t>・材質等を確認したか。</t>
    <rPh sb="3" eb="4">
      <t>トウ</t>
    </rPh>
    <rPh sb="5" eb="7">
      <t>カクニン</t>
    </rPh>
    <phoneticPr fontId="8"/>
  </si>
  <si>
    <t>・形式、定格、容量等を確認したか。</t>
    <rPh sb="1" eb="3">
      <t>ケイシキ</t>
    </rPh>
    <rPh sb="4" eb="6">
      <t>テイカク</t>
    </rPh>
    <rPh sb="7" eb="9">
      <t>ヨウリョウ</t>
    </rPh>
    <rPh sb="9" eb="10">
      <t>ナド</t>
    </rPh>
    <rPh sb="11" eb="13">
      <t>カクニン</t>
    </rPh>
    <phoneticPr fontId="8"/>
  </si>
  <si>
    <t>・形式、定格を確認したか。</t>
    <rPh sb="7" eb="9">
      <t>カクニン</t>
    </rPh>
    <phoneticPr fontId="7"/>
  </si>
  <si>
    <t>・計測機器、表示装置、表示内容等を確認したか。</t>
    <rPh sb="1" eb="3">
      <t>ケイソク</t>
    </rPh>
    <rPh sb="3" eb="5">
      <t>キキ</t>
    </rPh>
    <rPh sb="6" eb="8">
      <t>ヒョウジ</t>
    </rPh>
    <rPh sb="8" eb="10">
      <t>ソウチ</t>
    </rPh>
    <rPh sb="11" eb="13">
      <t>ヒョウジ</t>
    </rPh>
    <rPh sb="13" eb="15">
      <t>ナイヨウ</t>
    </rPh>
    <rPh sb="15" eb="16">
      <t>トウ</t>
    </rPh>
    <phoneticPr fontId="8"/>
  </si>
  <si>
    <t>・形式、定格、性能、蓄電池種別を確認したか。</t>
    <rPh sb="10" eb="13">
      <t>チクデンチ</t>
    </rPh>
    <rPh sb="16" eb="18">
      <t>カクニン</t>
    </rPh>
    <phoneticPr fontId="7"/>
  </si>
  <si>
    <t>その他</t>
    <rPh sb="2" eb="3">
      <t>タ</t>
    </rPh>
    <phoneticPr fontId="6"/>
  </si>
  <si>
    <t>風力発電装置</t>
    <rPh sb="0" eb="2">
      <t>フウリョク</t>
    </rPh>
    <rPh sb="2" eb="4">
      <t>ハツデン</t>
    </rPh>
    <rPh sb="4" eb="6">
      <t>ソウチ</t>
    </rPh>
    <phoneticPr fontId="21"/>
  </si>
  <si>
    <t>・風車形式、ポール高さ、材質、カットイン風速、定格風速、カットアウト風速、定格出力等を確認したか。</t>
    <rPh sb="1" eb="3">
      <t>フウシャ</t>
    </rPh>
    <rPh sb="3" eb="5">
      <t>ケイシキ</t>
    </rPh>
    <rPh sb="9" eb="10">
      <t>タカ</t>
    </rPh>
    <rPh sb="12" eb="14">
      <t>ザイシツ</t>
    </rPh>
    <rPh sb="20" eb="22">
      <t>フウソク</t>
    </rPh>
    <rPh sb="23" eb="25">
      <t>テイカク</t>
    </rPh>
    <rPh sb="25" eb="27">
      <t>フウソク</t>
    </rPh>
    <rPh sb="34" eb="36">
      <t>フウソク</t>
    </rPh>
    <rPh sb="37" eb="39">
      <t>テイカク</t>
    </rPh>
    <rPh sb="39" eb="41">
      <t>シュツリョク</t>
    </rPh>
    <rPh sb="41" eb="42">
      <t>トウ</t>
    </rPh>
    <rPh sb="43" eb="45">
      <t>カクニン</t>
    </rPh>
    <phoneticPr fontId="6"/>
  </si>
  <si>
    <t>・形式、定格容量、出力電気方式等を確認したか。</t>
    <rPh sb="1" eb="3">
      <t>ケイシキ</t>
    </rPh>
    <rPh sb="11" eb="13">
      <t>デンキ</t>
    </rPh>
    <rPh sb="13" eb="15">
      <t>ホウシキ</t>
    </rPh>
    <rPh sb="15" eb="16">
      <t>トウ</t>
    </rPh>
    <phoneticPr fontId="6"/>
  </si>
  <si>
    <t>その他</t>
    <rPh sb="2" eb="3">
      <t>タ</t>
    </rPh>
    <phoneticPr fontId="21"/>
  </si>
  <si>
    <t>機器</t>
    <phoneticPr fontId="7"/>
  </si>
  <si>
    <t>・形式、定格、性能、容量等を確認したか。</t>
    <rPh sb="14" eb="16">
      <t>カクニン</t>
    </rPh>
    <phoneticPr fontId="7"/>
  </si>
  <si>
    <t>・形式、容量、付加機能、規格等を確認したか。</t>
    <rPh sb="1" eb="3">
      <t>ケイシキ</t>
    </rPh>
    <rPh sb="4" eb="6">
      <t>ヨウリョウ</t>
    </rPh>
    <rPh sb="7" eb="9">
      <t>フカ</t>
    </rPh>
    <rPh sb="9" eb="11">
      <t>キノウ</t>
    </rPh>
    <rPh sb="12" eb="14">
      <t>キカク</t>
    </rPh>
    <rPh sb="14" eb="15">
      <t>トウ</t>
    </rPh>
    <rPh sb="16" eb="18">
      <t>カクニン</t>
    </rPh>
    <phoneticPr fontId="8"/>
  </si>
  <si>
    <t>・形式、端子盤種類、容量等を確認したか。</t>
    <rPh sb="1" eb="3">
      <t>ケイシキ</t>
    </rPh>
    <rPh sb="4" eb="7">
      <t>タンシバン</t>
    </rPh>
    <rPh sb="7" eb="9">
      <t>シュルイ</t>
    </rPh>
    <rPh sb="10" eb="12">
      <t>ヨウリョウ</t>
    </rPh>
    <rPh sb="12" eb="13">
      <t>ナド</t>
    </rPh>
    <rPh sb="14" eb="16">
      <t>カクニン</t>
    </rPh>
    <phoneticPr fontId="8"/>
  </si>
  <si>
    <t>・形式、接続方式、付加機能等を確認したか。</t>
    <rPh sb="1" eb="3">
      <t>ケイシキ</t>
    </rPh>
    <rPh sb="4" eb="6">
      <t>セツゾク</t>
    </rPh>
    <rPh sb="6" eb="8">
      <t>ホウシキ</t>
    </rPh>
    <rPh sb="9" eb="11">
      <t>フカ</t>
    </rPh>
    <rPh sb="11" eb="13">
      <t>キノウ</t>
    </rPh>
    <rPh sb="13" eb="14">
      <t>ナド</t>
    </rPh>
    <rPh sb="15" eb="17">
      <t>カクニン</t>
    </rPh>
    <phoneticPr fontId="8"/>
  </si>
  <si>
    <t>・形式、電気方式、蓄電池種別、容量等を確認したか。</t>
    <rPh sb="1" eb="3">
      <t>ケイシキ</t>
    </rPh>
    <rPh sb="4" eb="6">
      <t>デンキ</t>
    </rPh>
    <rPh sb="6" eb="8">
      <t>ホウシキ</t>
    </rPh>
    <rPh sb="9" eb="12">
      <t>チクデンチ</t>
    </rPh>
    <rPh sb="12" eb="14">
      <t>シュベツ</t>
    </rPh>
    <rPh sb="15" eb="17">
      <t>ヨウリョウ</t>
    </rPh>
    <rPh sb="17" eb="18">
      <t>ナド</t>
    </rPh>
    <rPh sb="19" eb="21">
      <t>カクニン</t>
    </rPh>
    <phoneticPr fontId="8"/>
  </si>
  <si>
    <t>・形式、種別、台数を確認したか。</t>
    <rPh sb="10" eb="12">
      <t>カクニン</t>
    </rPh>
    <phoneticPr fontId="6"/>
  </si>
  <si>
    <t>・形式、表示方法等を確認したか。</t>
    <rPh sb="10" eb="12">
      <t>カクニン</t>
    </rPh>
    <phoneticPr fontId="6"/>
  </si>
  <si>
    <t>マルチサイン装置</t>
    <phoneticPr fontId="7"/>
  </si>
  <si>
    <t>・形式、性能、付属装置等を確認したか。</t>
    <rPh sb="1" eb="3">
      <t>ケイシキ</t>
    </rPh>
    <rPh sb="4" eb="6">
      <t>セイノウ</t>
    </rPh>
    <rPh sb="7" eb="9">
      <t>フゾク</t>
    </rPh>
    <rPh sb="9" eb="11">
      <t>ソウチ</t>
    </rPh>
    <rPh sb="11" eb="12">
      <t>トウ</t>
    </rPh>
    <rPh sb="13" eb="15">
      <t>カクニン</t>
    </rPh>
    <phoneticPr fontId="8"/>
  </si>
  <si>
    <t>・形式、容量、組込機器、制御画面枚数等を確認したか。</t>
    <rPh sb="1" eb="3">
      <t>ケイシキ</t>
    </rPh>
    <rPh sb="4" eb="6">
      <t>ヨウリョウ</t>
    </rPh>
    <rPh sb="7" eb="9">
      <t>クミコミ</t>
    </rPh>
    <rPh sb="9" eb="11">
      <t>キキ</t>
    </rPh>
    <rPh sb="12" eb="14">
      <t>セイギョ</t>
    </rPh>
    <rPh sb="14" eb="16">
      <t>ガメン</t>
    </rPh>
    <rPh sb="16" eb="18">
      <t>マイスウ</t>
    </rPh>
    <rPh sb="18" eb="19">
      <t>トウ</t>
    </rPh>
    <rPh sb="20" eb="22">
      <t>カクニン</t>
    </rPh>
    <phoneticPr fontId="8"/>
  </si>
  <si>
    <t>・形式、回線数、電源種別等を確認したか。</t>
    <rPh sb="1" eb="3">
      <t>ケイシキ</t>
    </rPh>
    <rPh sb="4" eb="7">
      <t>カイセンスウ</t>
    </rPh>
    <rPh sb="8" eb="10">
      <t>デンゲン</t>
    </rPh>
    <rPh sb="10" eb="12">
      <t>シュベツ</t>
    </rPh>
    <rPh sb="12" eb="13">
      <t>ナド</t>
    </rPh>
    <rPh sb="14" eb="16">
      <t>カクニン</t>
    </rPh>
    <phoneticPr fontId="8"/>
  </si>
  <si>
    <t>・形式、定格、性能、容量等を確認したか。</t>
    <rPh sb="1" eb="3">
      <t>ケイシキ</t>
    </rPh>
    <rPh sb="4" eb="6">
      <t>テイカク</t>
    </rPh>
    <rPh sb="7" eb="9">
      <t>セイノウ</t>
    </rPh>
    <rPh sb="10" eb="13">
      <t>ヨウリョウナド</t>
    </rPh>
    <rPh sb="14" eb="16">
      <t>カクニン</t>
    </rPh>
    <phoneticPr fontId="8"/>
  </si>
  <si>
    <t>スピーカ</t>
    <phoneticPr fontId="8"/>
  </si>
  <si>
    <t>・形式、記号及びアッテネータ有無を確認したか。</t>
    <rPh sb="1" eb="3">
      <t>ケイシキ</t>
    </rPh>
    <rPh sb="4" eb="6">
      <t>キゴウ</t>
    </rPh>
    <rPh sb="6" eb="7">
      <t>オヨ</t>
    </rPh>
    <rPh sb="14" eb="16">
      <t>ウム</t>
    </rPh>
    <rPh sb="17" eb="19">
      <t>カクニン</t>
    </rPh>
    <phoneticPr fontId="8"/>
  </si>
  <si>
    <t>・形式、定格、性能、電源種別等を確認したか。</t>
    <rPh sb="16" eb="18">
      <t>カクニン</t>
    </rPh>
    <phoneticPr fontId="7"/>
  </si>
  <si>
    <t>インターホン</t>
    <phoneticPr fontId="8"/>
  </si>
  <si>
    <t>・形状、通話方式、電源方式、選局数、選局機構等を確認したか。</t>
    <rPh sb="1" eb="3">
      <t>ケイジョウ</t>
    </rPh>
    <rPh sb="4" eb="6">
      <t>ツウワ</t>
    </rPh>
    <rPh sb="6" eb="8">
      <t>ホウシキ</t>
    </rPh>
    <rPh sb="9" eb="11">
      <t>デンゲン</t>
    </rPh>
    <rPh sb="11" eb="13">
      <t>ホウシキ</t>
    </rPh>
    <rPh sb="14" eb="16">
      <t>センキョク</t>
    </rPh>
    <rPh sb="16" eb="17">
      <t>スウ</t>
    </rPh>
    <rPh sb="18" eb="20">
      <t>センキョク</t>
    </rPh>
    <rPh sb="20" eb="22">
      <t>キコウ</t>
    </rPh>
    <rPh sb="22" eb="23">
      <t>ナド</t>
    </rPh>
    <rPh sb="24" eb="26">
      <t>カクニン</t>
    </rPh>
    <phoneticPr fontId="8"/>
  </si>
  <si>
    <t>・形状、電源方式、窓数等を確認したか。</t>
    <rPh sb="1" eb="3">
      <t>ケイジョウ</t>
    </rPh>
    <rPh sb="4" eb="6">
      <t>デンゲン</t>
    </rPh>
    <rPh sb="6" eb="8">
      <t>ホウシキ</t>
    </rPh>
    <rPh sb="9" eb="10">
      <t>マド</t>
    </rPh>
    <rPh sb="10" eb="11">
      <t>スウ</t>
    </rPh>
    <rPh sb="11" eb="12">
      <t>ナド</t>
    </rPh>
    <rPh sb="13" eb="15">
      <t>カクニン</t>
    </rPh>
    <phoneticPr fontId="8"/>
  </si>
  <si>
    <t>トイレ呼出装置</t>
    <phoneticPr fontId="7"/>
  </si>
  <si>
    <t>・仕様、個数を確認したか。</t>
    <rPh sb="1" eb="3">
      <t>シヨウ</t>
    </rPh>
    <rPh sb="4" eb="6">
      <t>コスウ</t>
    </rPh>
    <phoneticPr fontId="7"/>
  </si>
  <si>
    <t>・方式、種別、形状等を確認したか。
※双方向、フィルタ付等を確認する。</t>
    <rPh sb="1" eb="3">
      <t>ホウシキ</t>
    </rPh>
    <rPh sb="4" eb="6">
      <t>シュベツ</t>
    </rPh>
    <rPh sb="7" eb="9">
      <t>ケイジョウ</t>
    </rPh>
    <rPh sb="9" eb="10">
      <t>トウ</t>
    </rPh>
    <rPh sb="11" eb="13">
      <t>カクニン</t>
    </rPh>
    <phoneticPr fontId="8"/>
  </si>
  <si>
    <t>・形式、定格、性能、容量等を確認したか。</t>
    <rPh sb="1" eb="3">
      <t>ケイシキ</t>
    </rPh>
    <rPh sb="4" eb="6">
      <t>テイカク</t>
    </rPh>
    <rPh sb="7" eb="9">
      <t>セイノウ</t>
    </rPh>
    <rPh sb="10" eb="12">
      <t>ヨウリョウ</t>
    </rPh>
    <rPh sb="12" eb="13">
      <t>トウ</t>
    </rPh>
    <rPh sb="14" eb="16">
      <t>カクニン</t>
    </rPh>
    <phoneticPr fontId="8"/>
  </si>
  <si>
    <t>・撮像素子、画素数、レンズ、形状等を確認したか。</t>
    <rPh sb="1" eb="3">
      <t>サツゾウ</t>
    </rPh>
    <rPh sb="3" eb="5">
      <t>ソシ</t>
    </rPh>
    <rPh sb="6" eb="9">
      <t>ガソスウ</t>
    </rPh>
    <rPh sb="14" eb="16">
      <t>ケイジョウ</t>
    </rPh>
    <rPh sb="16" eb="17">
      <t>トウ</t>
    </rPh>
    <rPh sb="18" eb="20">
      <t>カクニン</t>
    </rPh>
    <phoneticPr fontId="8"/>
  </si>
  <si>
    <t>・形式、制御方式、管理台数、表示内容等を確認したか。</t>
    <rPh sb="4" eb="6">
      <t>セイギョ</t>
    </rPh>
    <rPh sb="6" eb="8">
      <t>ホウシキ</t>
    </rPh>
    <rPh sb="9" eb="11">
      <t>カンリ</t>
    </rPh>
    <rPh sb="11" eb="13">
      <t>ダイスウ</t>
    </rPh>
    <rPh sb="14" eb="16">
      <t>ヒョウジ</t>
    </rPh>
    <rPh sb="16" eb="18">
      <t>ナイヨウ</t>
    </rPh>
    <rPh sb="18" eb="19">
      <t>ナド</t>
    </rPh>
    <rPh sb="20" eb="22">
      <t>カクニン</t>
    </rPh>
    <phoneticPr fontId="7"/>
  </si>
  <si>
    <t>・形式、制御方式、管理方式等を確認したか。</t>
    <rPh sb="1" eb="3">
      <t>ケイシキ</t>
    </rPh>
    <rPh sb="4" eb="6">
      <t>セイギョ</t>
    </rPh>
    <rPh sb="6" eb="8">
      <t>ホウシキ</t>
    </rPh>
    <rPh sb="9" eb="11">
      <t>カンリ</t>
    </rPh>
    <rPh sb="11" eb="13">
      <t>ホウシキ</t>
    </rPh>
    <rPh sb="13" eb="14">
      <t>ナド</t>
    </rPh>
    <rPh sb="15" eb="17">
      <t>カクニン</t>
    </rPh>
    <phoneticPr fontId="8"/>
  </si>
  <si>
    <t>・形式、制御方式、管理方式等を確認したか。
※停電時の開閉</t>
    <rPh sb="1" eb="3">
      <t>ケイシキ</t>
    </rPh>
    <rPh sb="4" eb="6">
      <t>セイギョ</t>
    </rPh>
    <rPh sb="6" eb="8">
      <t>ホウシキ</t>
    </rPh>
    <rPh sb="9" eb="11">
      <t>カンリ</t>
    </rPh>
    <rPh sb="11" eb="13">
      <t>ホウシキ</t>
    </rPh>
    <rPh sb="13" eb="14">
      <t>ナド</t>
    </rPh>
    <rPh sb="15" eb="17">
      <t>カクニン</t>
    </rPh>
    <phoneticPr fontId="8"/>
  </si>
  <si>
    <t>・形式、級別、回線数等を確認したか。</t>
    <rPh sb="1" eb="3">
      <t>ケイシキ</t>
    </rPh>
    <rPh sb="4" eb="5">
      <t>キュウ</t>
    </rPh>
    <rPh sb="5" eb="6">
      <t>ベツ</t>
    </rPh>
    <rPh sb="7" eb="10">
      <t>カイセンスウ</t>
    </rPh>
    <rPh sb="10" eb="11">
      <t>ナド</t>
    </rPh>
    <rPh sb="12" eb="14">
      <t>カクニン</t>
    </rPh>
    <phoneticPr fontId="8"/>
  </si>
  <si>
    <t>・形式、回線数等を確認したか。</t>
    <rPh sb="1" eb="3">
      <t>ケイシキ</t>
    </rPh>
    <rPh sb="4" eb="7">
      <t>カイセンスウ</t>
    </rPh>
    <rPh sb="7" eb="8">
      <t>ナド</t>
    </rPh>
    <rPh sb="9" eb="11">
      <t>カクニン</t>
    </rPh>
    <phoneticPr fontId="8"/>
  </si>
  <si>
    <t>・形式、容量、制御点数、組込機器等を確認したか。</t>
    <rPh sb="1" eb="3">
      <t>ケイシキ</t>
    </rPh>
    <rPh sb="4" eb="6">
      <t>ヨウリョウ</t>
    </rPh>
    <rPh sb="12" eb="14">
      <t>クミコ</t>
    </rPh>
    <rPh sb="14" eb="16">
      <t>キキ</t>
    </rPh>
    <rPh sb="16" eb="17">
      <t>トウ</t>
    </rPh>
    <rPh sb="18" eb="20">
      <t>カクニン</t>
    </rPh>
    <phoneticPr fontId="8"/>
  </si>
  <si>
    <t>・形式、容量、方式等を確認したか。</t>
    <rPh sb="1" eb="3">
      <t>ケイシキ</t>
    </rPh>
    <rPh sb="4" eb="6">
      <t>ヨウリョウ</t>
    </rPh>
    <rPh sb="7" eb="10">
      <t>ホウシキナド</t>
    </rPh>
    <rPh sb="11" eb="13">
      <t>カクニン</t>
    </rPh>
    <phoneticPr fontId="8"/>
  </si>
  <si>
    <t>・形式、容量、数量等を確認したか。</t>
    <rPh sb="1" eb="3">
      <t>ケイシキ</t>
    </rPh>
    <rPh sb="4" eb="6">
      <t>ヨウリョウ</t>
    </rPh>
    <rPh sb="7" eb="10">
      <t>スウリョウナド</t>
    </rPh>
    <rPh sb="11" eb="13">
      <t>カクニン</t>
    </rPh>
    <phoneticPr fontId="8"/>
  </si>
  <si>
    <t>・形式、電気方式等を確認したか。</t>
    <rPh sb="1" eb="3">
      <t>ケイシキ</t>
    </rPh>
    <rPh sb="4" eb="6">
      <t>デンキ</t>
    </rPh>
    <rPh sb="6" eb="8">
      <t>ホウシキ</t>
    </rPh>
    <rPh sb="8" eb="9">
      <t>ナド</t>
    </rPh>
    <rPh sb="10" eb="12">
      <t>カクニン</t>
    </rPh>
    <phoneticPr fontId="8"/>
  </si>
  <si>
    <t>見積金額にバラつきがある場合には、専門工事業者等に内容等のヒアリングを行ったか。</t>
    <rPh sb="0" eb="2">
      <t>ミツモリ</t>
    </rPh>
    <rPh sb="2" eb="4">
      <t>キンガク</t>
    </rPh>
    <rPh sb="12" eb="14">
      <t>バアイ</t>
    </rPh>
    <rPh sb="17" eb="19">
      <t>センモン</t>
    </rPh>
    <rPh sb="19" eb="21">
      <t>コウジ</t>
    </rPh>
    <rPh sb="21" eb="23">
      <t>ギョウシャ</t>
    </rPh>
    <rPh sb="23" eb="24">
      <t>トウ</t>
    </rPh>
    <rPh sb="25" eb="27">
      <t>ナイヨウ</t>
    </rPh>
    <rPh sb="27" eb="28">
      <t>ナド</t>
    </rPh>
    <rPh sb="35" eb="36">
      <t>オコナ</t>
    </rPh>
    <phoneticPr fontId="8"/>
  </si>
  <si>
    <t>記載内容</t>
    <phoneticPr fontId="21"/>
  </si>
  <si>
    <t>見積書からの転記等のチェックを行ったか。</t>
    <phoneticPr fontId="21"/>
  </si>
  <si>
    <t>単価使用区分</t>
    <rPh sb="0" eb="2">
      <t>タンカ</t>
    </rPh>
    <rPh sb="2" eb="4">
      <t>シヨウ</t>
    </rPh>
    <rPh sb="4" eb="6">
      <t>クブン</t>
    </rPh>
    <phoneticPr fontId="20"/>
  </si>
  <si>
    <t>使用単価を確認したか。</t>
    <rPh sb="0" eb="2">
      <t>シヨウ</t>
    </rPh>
    <rPh sb="2" eb="4">
      <t>タンカ</t>
    </rPh>
    <rPh sb="5" eb="7">
      <t>カクニン</t>
    </rPh>
    <phoneticPr fontId="20"/>
  </si>
  <si>
    <t>建物及び工事種目ごとに数量の拾い分けをしたか。</t>
    <rPh sb="2" eb="3">
      <t>オヨ</t>
    </rPh>
    <rPh sb="4" eb="6">
      <t>コウジ</t>
    </rPh>
    <rPh sb="6" eb="8">
      <t>シュモク</t>
    </rPh>
    <rPh sb="14" eb="15">
      <t>ヒロ</t>
    </rPh>
    <rPh sb="16" eb="17">
      <t>ワ</t>
    </rPh>
    <phoneticPr fontId="20"/>
  </si>
  <si>
    <t>予算の区分による拾い分けが必要か確認したか。</t>
    <rPh sb="0" eb="2">
      <t>ヨサン</t>
    </rPh>
    <rPh sb="3" eb="5">
      <t>クブン</t>
    </rPh>
    <rPh sb="8" eb="9">
      <t>ヒロ</t>
    </rPh>
    <rPh sb="10" eb="11">
      <t>ワ</t>
    </rPh>
    <rPh sb="13" eb="15">
      <t>ヒツヨウ</t>
    </rPh>
    <rPh sb="16" eb="18">
      <t>カクニン</t>
    </rPh>
    <phoneticPr fontId="20"/>
  </si>
  <si>
    <t>本工事以外の関連工事があるか確認したか。</t>
    <rPh sb="0" eb="3">
      <t>ホンコウジ</t>
    </rPh>
    <rPh sb="3" eb="5">
      <t>イガイ</t>
    </rPh>
    <rPh sb="6" eb="8">
      <t>カンレン</t>
    </rPh>
    <rPh sb="8" eb="10">
      <t>コウジ</t>
    </rPh>
    <rPh sb="14" eb="16">
      <t>カクニン</t>
    </rPh>
    <phoneticPr fontId="20"/>
  </si>
  <si>
    <t>関連工事がある場合は、仮設の範囲を確認したか。</t>
    <phoneticPr fontId="21"/>
  </si>
  <si>
    <t>単</t>
    <rPh sb="0" eb="1">
      <t>タン</t>
    </rPh>
    <phoneticPr fontId="6"/>
  </si>
  <si>
    <t>確認</t>
    <rPh sb="0" eb="2">
      <t>カクニン</t>
    </rPh>
    <phoneticPr fontId="6"/>
  </si>
  <si>
    <t>見積単価は、製造業者等に対するヒアリング等により実勢価格帯を把握し、その結果を踏まえ、見積書の価格を適切に補正し、設定しているか。（実勢価格帯を確認せずに単価を設定していないか。）</t>
    <rPh sb="0" eb="2">
      <t>ミツモリ</t>
    </rPh>
    <rPh sb="2" eb="4">
      <t>タンカ</t>
    </rPh>
    <rPh sb="6" eb="9">
      <t>セイゾウギョウ</t>
    </rPh>
    <rPh sb="9" eb="11">
      <t>シャナド</t>
    </rPh>
    <rPh sb="12" eb="13">
      <t>タイ</t>
    </rPh>
    <rPh sb="20" eb="21">
      <t>トウ</t>
    </rPh>
    <rPh sb="24" eb="26">
      <t>ジッセイ</t>
    </rPh>
    <rPh sb="26" eb="28">
      <t>カカク</t>
    </rPh>
    <rPh sb="28" eb="29">
      <t>オビ</t>
    </rPh>
    <rPh sb="30" eb="32">
      <t>ハアク</t>
    </rPh>
    <rPh sb="36" eb="38">
      <t>ケッカ</t>
    </rPh>
    <rPh sb="39" eb="40">
      <t>フ</t>
    </rPh>
    <rPh sb="43" eb="46">
      <t>ミツモリショ</t>
    </rPh>
    <rPh sb="47" eb="49">
      <t>カカク</t>
    </rPh>
    <rPh sb="50" eb="52">
      <t>テキセツ</t>
    </rPh>
    <rPh sb="53" eb="55">
      <t>ホセイ</t>
    </rPh>
    <rPh sb="57" eb="59">
      <t>セッテイ</t>
    </rPh>
    <rPh sb="66" eb="68">
      <t>ジッセイ</t>
    </rPh>
    <rPh sb="68" eb="70">
      <t>カカク</t>
    </rPh>
    <rPh sb="70" eb="71">
      <t>オビ</t>
    </rPh>
    <rPh sb="72" eb="74">
      <t>カクニン</t>
    </rPh>
    <rPh sb="77" eb="79">
      <t>タンカ</t>
    </rPh>
    <rPh sb="80" eb="82">
      <t>セッテイ</t>
    </rPh>
    <phoneticPr fontId="21"/>
  </si>
  <si>
    <t>見積価格を参考にして単価及び価格を算定するにあたっては、予算に合わせることを目的とした減額を行ってないか確認したか。</t>
    <phoneticPr fontId="21"/>
  </si>
  <si>
    <t>専門工事業者等からの見積価格及びカタログ価格の採用内容について十分に設計図書の施工条件を確認検討のうえ価格を計上したか。</t>
    <rPh sb="0" eb="2">
      <t>センモン</t>
    </rPh>
    <rPh sb="2" eb="4">
      <t>コウジ</t>
    </rPh>
    <rPh sb="4" eb="7">
      <t>ギョウシャナド</t>
    </rPh>
    <rPh sb="10" eb="12">
      <t>ミツモリ</t>
    </rPh>
    <rPh sb="12" eb="14">
      <t>カカク</t>
    </rPh>
    <rPh sb="14" eb="15">
      <t>オヨ</t>
    </rPh>
    <rPh sb="20" eb="22">
      <t>カカク</t>
    </rPh>
    <rPh sb="23" eb="25">
      <t>サイヨウ</t>
    </rPh>
    <rPh sb="25" eb="27">
      <t>ナイヨウ</t>
    </rPh>
    <rPh sb="31" eb="33">
      <t>ジュウブン</t>
    </rPh>
    <rPh sb="34" eb="36">
      <t>セッケイ</t>
    </rPh>
    <rPh sb="36" eb="38">
      <t>トショ</t>
    </rPh>
    <rPh sb="39" eb="41">
      <t>セコウ</t>
    </rPh>
    <rPh sb="41" eb="43">
      <t>ジョウケン</t>
    </rPh>
    <rPh sb="44" eb="46">
      <t>カクニン</t>
    </rPh>
    <rPh sb="46" eb="48">
      <t>ケントウ</t>
    </rPh>
    <rPh sb="51" eb="53">
      <t>カカク</t>
    </rPh>
    <rPh sb="54" eb="56">
      <t>ケイジョウ</t>
    </rPh>
    <phoneticPr fontId="21"/>
  </si>
  <si>
    <t>見積書の内容を物価資料等の類似の項目と比較検討し金額の妥当性を検証したか。</t>
    <phoneticPr fontId="21"/>
  </si>
  <si>
    <t>過去の実績（類似の取引価格、数量、施工条件及び単位あたりの価格等）を参考に検討したか。</t>
    <rPh sb="37" eb="39">
      <t>ケントウ</t>
    </rPh>
    <phoneticPr fontId="21"/>
  </si>
  <si>
    <t>工事ごとの規模、施工条件等を考慮し価格を決定したか。</t>
    <rPh sb="0" eb="2">
      <t>コウジ</t>
    </rPh>
    <rPh sb="5" eb="7">
      <t>キボ</t>
    </rPh>
    <rPh sb="8" eb="10">
      <t>セコウ</t>
    </rPh>
    <rPh sb="10" eb="12">
      <t>ジョウケン</t>
    </rPh>
    <rPh sb="12" eb="13">
      <t>トウ</t>
    </rPh>
    <rPh sb="14" eb="16">
      <t>コウリョ</t>
    </rPh>
    <rPh sb="17" eb="19">
      <t>カカク</t>
    </rPh>
    <rPh sb="20" eb="22">
      <t>ケッテイ</t>
    </rPh>
    <phoneticPr fontId="21"/>
  </si>
  <si>
    <t>変更前の価格と変更後の価格を比較し、変更事項に見合った増減になっているかを確認したか。</t>
    <rPh sb="0" eb="2">
      <t>ヘンコウ</t>
    </rPh>
    <rPh sb="2" eb="3">
      <t>マエ</t>
    </rPh>
    <rPh sb="4" eb="6">
      <t>カカク</t>
    </rPh>
    <rPh sb="7" eb="9">
      <t>ヘンコウ</t>
    </rPh>
    <rPh sb="9" eb="10">
      <t>ゴ</t>
    </rPh>
    <rPh sb="11" eb="13">
      <t>カカク</t>
    </rPh>
    <rPh sb="14" eb="16">
      <t>ヒカク</t>
    </rPh>
    <rPh sb="18" eb="20">
      <t>ヘンコウ</t>
    </rPh>
    <rPh sb="20" eb="22">
      <t>ジコウ</t>
    </rPh>
    <rPh sb="23" eb="25">
      <t>ミア</t>
    </rPh>
    <rPh sb="27" eb="29">
      <t>ゾウゲン</t>
    </rPh>
    <rPh sb="37" eb="39">
      <t>カクニン</t>
    </rPh>
    <phoneticPr fontId="21"/>
  </si>
  <si>
    <t>（１）電力貯蔵装置</t>
    <rPh sb="3" eb="5">
      <t>デンリョク</t>
    </rPh>
    <rPh sb="5" eb="7">
      <t>チョゾウ</t>
    </rPh>
    <rPh sb="7" eb="9">
      <t>ソウチ</t>
    </rPh>
    <phoneticPr fontId="6"/>
  </si>
  <si>
    <t>蓄電池は、刊行物価格との比較をしたか。</t>
    <rPh sb="0" eb="3">
      <t>チクデンチ</t>
    </rPh>
    <rPh sb="5" eb="8">
      <t>カンコウブツ</t>
    </rPh>
    <rPh sb="8" eb="10">
      <t>カカク</t>
    </rPh>
    <rPh sb="12" eb="14">
      <t>ヒカク</t>
    </rPh>
    <phoneticPr fontId="8"/>
  </si>
  <si>
    <t>工事名</t>
    <rPh sb="0" eb="2">
      <t>コウジ</t>
    </rPh>
    <phoneticPr fontId="20"/>
  </si>
  <si>
    <t>工事名</t>
    <rPh sb="0" eb="2">
      <t>コウジ</t>
    </rPh>
    <phoneticPr fontId="8"/>
  </si>
  <si>
    <t>「材料費」、「労務費」及び「運搬費及び消耗材料費等」の組合せによる単価で資料を作成したか。</t>
    <rPh sb="1" eb="4">
      <t>ザイリョウヒ</t>
    </rPh>
    <rPh sb="7" eb="10">
      <t>ロウムヒ</t>
    </rPh>
    <rPh sb="11" eb="12">
      <t>オヨ</t>
    </rPh>
    <rPh sb="14" eb="16">
      <t>ウンパン</t>
    </rPh>
    <rPh sb="16" eb="17">
      <t>ヒ</t>
    </rPh>
    <rPh sb="17" eb="18">
      <t>オヨ</t>
    </rPh>
    <rPh sb="19" eb="21">
      <t>ショウモウ</t>
    </rPh>
    <rPh sb="21" eb="25">
      <t>ザイリョウヒナド</t>
    </rPh>
    <rPh sb="27" eb="29">
      <t>クミアワ</t>
    </rPh>
    <rPh sb="33" eb="35">
      <t>タンカ</t>
    </rPh>
    <rPh sb="36" eb="38">
      <t>シリョウ</t>
    </rPh>
    <rPh sb="39" eb="41">
      <t>サクセイ</t>
    </rPh>
    <phoneticPr fontId="21"/>
  </si>
  <si>
    <t>機器取付高さを確認したか。</t>
    <rPh sb="0" eb="2">
      <t>キキ</t>
    </rPh>
    <rPh sb="2" eb="4">
      <t>トリツケ</t>
    </rPh>
    <rPh sb="4" eb="5">
      <t>タカ</t>
    </rPh>
    <phoneticPr fontId="6"/>
  </si>
  <si>
    <t>下記の機器は、仕様ごとに間違いなく積算数量算出書から転記されているか。</t>
    <rPh sb="0" eb="2">
      <t>カキ</t>
    </rPh>
    <rPh sb="3" eb="5">
      <t>キキ</t>
    </rPh>
    <rPh sb="7" eb="9">
      <t>シヨウ</t>
    </rPh>
    <rPh sb="12" eb="14">
      <t>マチガ</t>
    </rPh>
    <rPh sb="26" eb="28">
      <t>テンキ</t>
    </rPh>
    <phoneticPr fontId="6"/>
  </si>
  <si>
    <t>数量は、原則として設計数量とする。ただし、計画数量を求める場合は、公共建築設備数量積算基準に示す方法としたか。</t>
    <rPh sb="33" eb="35">
      <t>コウキョウ</t>
    </rPh>
    <rPh sb="35" eb="37">
      <t>ケンチク</t>
    </rPh>
    <rPh sb="37" eb="39">
      <t>セツビ</t>
    </rPh>
    <rPh sb="39" eb="41">
      <t>スウリョウ</t>
    </rPh>
    <rPh sb="41" eb="43">
      <t>セキサン</t>
    </rPh>
    <rPh sb="43" eb="45">
      <t>キジュン</t>
    </rPh>
    <phoneticPr fontId="19"/>
  </si>
  <si>
    <t>　・有り　　範囲：</t>
    <rPh sb="2" eb="3">
      <t>ア</t>
    </rPh>
    <rPh sb="6" eb="8">
      <t>ハンイ</t>
    </rPh>
    <phoneticPr fontId="20"/>
  </si>
  <si>
    <t>本工事において(発注しない)別途工事部分があるか確認したか。</t>
    <rPh sb="0" eb="3">
      <t>ホンコウジ</t>
    </rPh>
    <rPh sb="8" eb="10">
      <t>ハッチュウ</t>
    </rPh>
    <rPh sb="14" eb="16">
      <t>ベット</t>
    </rPh>
    <rPh sb="16" eb="18">
      <t>コウジ</t>
    </rPh>
    <rPh sb="18" eb="20">
      <t>ブブン</t>
    </rPh>
    <rPh sb="24" eb="26">
      <t>カクニン</t>
    </rPh>
    <phoneticPr fontId="20"/>
  </si>
  <si>
    <t>はつり補修の有無及び工法について確認したか</t>
    <rPh sb="3" eb="5">
      <t>ホシュウ</t>
    </rPh>
    <rPh sb="6" eb="8">
      <t>ウム</t>
    </rPh>
    <rPh sb="8" eb="9">
      <t>オヨ</t>
    </rPh>
    <rPh sb="10" eb="12">
      <t>コウホウ</t>
    </rPh>
    <rPh sb="16" eb="18">
      <t>カクニン</t>
    </rPh>
    <phoneticPr fontId="21"/>
  </si>
  <si>
    <t>　・有り　（・手はつり　　　・ダイヤモンドカッター）</t>
    <rPh sb="2" eb="3">
      <t>ア</t>
    </rPh>
    <phoneticPr fontId="20"/>
  </si>
  <si>
    <t>　・無し　（別途工事含む）</t>
    <rPh sb="2" eb="3">
      <t>ナ</t>
    </rPh>
    <rPh sb="6" eb="8">
      <t>ベット</t>
    </rPh>
    <rPh sb="8" eb="10">
      <t>コウジ</t>
    </rPh>
    <rPh sb="10" eb="11">
      <t>フク</t>
    </rPh>
    <phoneticPr fontId="20"/>
  </si>
  <si>
    <t>チェック項目</t>
    <phoneticPr fontId="6"/>
  </si>
  <si>
    <t>確認</t>
    <rPh sb="0" eb="2">
      <t>カクニン</t>
    </rPh>
    <phoneticPr fontId="6"/>
  </si>
  <si>
    <t>摘要欄は、材種、材質、形状、形式、寸法、工法、その他単価に対応する条件などを記載したか。</t>
    <rPh sb="14" eb="16">
      <t>ケイシキ</t>
    </rPh>
    <phoneticPr fontId="6"/>
  </si>
  <si>
    <t>各科目あるいは中科目に属する細目ごとに数量を記載したか。なお、必要に応じ別紙明細書を設け、１式で計上したか。</t>
    <rPh sb="31" eb="33">
      <t>ヒツヨウ</t>
    </rPh>
    <rPh sb="34" eb="35">
      <t>オウ</t>
    </rPh>
    <rPh sb="36" eb="38">
      <t>ベッシ</t>
    </rPh>
    <rPh sb="38" eb="40">
      <t>メイサイ</t>
    </rPh>
    <rPh sb="40" eb="41">
      <t>ショ</t>
    </rPh>
    <rPh sb="42" eb="43">
      <t>モウ</t>
    </rPh>
    <rPh sb="46" eb="47">
      <t>シキ</t>
    </rPh>
    <rPh sb="48" eb="50">
      <t>ケイジョウ</t>
    </rPh>
    <phoneticPr fontId="21"/>
  </si>
  <si>
    <t>　・新営単価　　　　　　　　　 建物名：</t>
    <rPh sb="2" eb="4">
      <t>シンエイ</t>
    </rPh>
    <rPh sb="4" eb="6">
      <t>タンカ</t>
    </rPh>
    <rPh sb="16" eb="18">
      <t>タテモノ</t>
    </rPh>
    <rPh sb="18" eb="19">
      <t>メイ</t>
    </rPh>
    <phoneticPr fontId="21"/>
  </si>
  <si>
    <t>　・改修単価（入居者なし）　　 建物名：</t>
    <rPh sb="2" eb="4">
      <t>カイシュウ</t>
    </rPh>
    <rPh sb="4" eb="6">
      <t>タンカ</t>
    </rPh>
    <rPh sb="6" eb="8">
      <t>シンタンカ</t>
    </rPh>
    <rPh sb="7" eb="10">
      <t>ニュウキョシャ</t>
    </rPh>
    <rPh sb="16" eb="18">
      <t>タテモノ</t>
    </rPh>
    <rPh sb="18" eb="19">
      <t>メイ</t>
    </rPh>
    <phoneticPr fontId="21"/>
  </si>
  <si>
    <t>　・改修割増単価（入居者あり） 建物名：</t>
    <rPh sb="2" eb="4">
      <t>カイシュウ</t>
    </rPh>
    <rPh sb="4" eb="5">
      <t>ワ</t>
    </rPh>
    <rPh sb="5" eb="6">
      <t>マ</t>
    </rPh>
    <rPh sb="6" eb="8">
      <t>タンカ</t>
    </rPh>
    <rPh sb="9" eb="12">
      <t>ニュウキョシャ</t>
    </rPh>
    <rPh sb="16" eb="18">
      <t>タテモノ</t>
    </rPh>
    <rPh sb="18" eb="19">
      <t>メイ</t>
    </rPh>
    <phoneticPr fontId="21"/>
  </si>
  <si>
    <t>　・有り　　範囲：　</t>
    <rPh sb="2" eb="3">
      <t>ア</t>
    </rPh>
    <rPh sb="6" eb="8">
      <t>ハンイ</t>
    </rPh>
    <phoneticPr fontId="20"/>
  </si>
  <si>
    <t>共通事項</t>
    <rPh sb="0" eb="2">
      <t>キョウツウ</t>
    </rPh>
    <rPh sb="2" eb="4">
      <t>ジコウ</t>
    </rPh>
    <phoneticPr fontId="6"/>
  </si>
  <si>
    <t>　・有り　　　室名：</t>
    <rPh sb="2" eb="3">
      <t>ア</t>
    </rPh>
    <rPh sb="7" eb="8">
      <t>シツ</t>
    </rPh>
    <rPh sb="8" eb="9">
      <t>メイ</t>
    </rPh>
    <phoneticPr fontId="20"/>
  </si>
  <si>
    <t>発生材処理の有無について確認したか。</t>
    <rPh sb="0" eb="3">
      <t>ハッセイザイ</t>
    </rPh>
    <rPh sb="3" eb="5">
      <t>ショリ</t>
    </rPh>
    <rPh sb="6" eb="8">
      <t>ウム</t>
    </rPh>
    <rPh sb="12" eb="14">
      <t>カクニン</t>
    </rPh>
    <phoneticPr fontId="21"/>
  </si>
  <si>
    <t>　・有り　（・コンクリート　・コンクリート及び鉄から成る建設資材　　・木材</t>
    <rPh sb="2" eb="3">
      <t>ア</t>
    </rPh>
    <rPh sb="21" eb="22">
      <t>オヨ</t>
    </rPh>
    <rPh sb="23" eb="24">
      <t>テツ</t>
    </rPh>
    <rPh sb="26" eb="27">
      <t>ナル</t>
    </rPh>
    <rPh sb="28" eb="30">
      <t>ケンセツ</t>
    </rPh>
    <rPh sb="30" eb="32">
      <t>シザイ</t>
    </rPh>
    <rPh sb="35" eb="37">
      <t>モクザイ</t>
    </rPh>
    <phoneticPr fontId="20"/>
  </si>
  <si>
    <t>１．共通工事の各項目に従い計上したか。</t>
    <rPh sb="2" eb="4">
      <t>キョウツウ</t>
    </rPh>
    <rPh sb="4" eb="6">
      <t>コウジ</t>
    </rPh>
    <rPh sb="7" eb="8">
      <t>カク</t>
    </rPh>
    <rPh sb="8" eb="10">
      <t>コウモク</t>
    </rPh>
    <rPh sb="11" eb="12">
      <t>シタガ</t>
    </rPh>
    <rPh sb="13" eb="15">
      <t>ケイジョウ</t>
    </rPh>
    <phoneticPr fontId="6"/>
  </si>
  <si>
    <t>共通事項</t>
    <rPh sb="0" eb="2">
      <t>キョウツウ</t>
    </rPh>
    <rPh sb="2" eb="4">
      <t>ジコウ</t>
    </rPh>
    <phoneticPr fontId="6"/>
  </si>
  <si>
    <t>単価等設定チェックリスト</t>
    <rPh sb="0" eb="2">
      <t>タンカ</t>
    </rPh>
    <rPh sb="2" eb="3">
      <t>トウ</t>
    </rPh>
    <rPh sb="3" eb="5">
      <t>セッテイ</t>
    </rPh>
    <phoneticPr fontId="6"/>
  </si>
  <si>
    <t>単価資料等チェックリスト</t>
    <rPh sb="0" eb="2">
      <t>タンカ</t>
    </rPh>
    <rPh sb="2" eb="4">
      <t>シリョウ</t>
    </rPh>
    <rPh sb="4" eb="5">
      <t>トウ</t>
    </rPh>
    <phoneticPr fontId="6"/>
  </si>
  <si>
    <t>掲載価格条件が現地渡しでない場合は、条件を勘案し運搬費を計上するための単価資料を作成したか。（物価資料等における材料価格は、現地渡し価格が標準となっている。）。</t>
    <rPh sb="35" eb="37">
      <t>タンカ</t>
    </rPh>
    <phoneticPr fontId="21"/>
  </si>
  <si>
    <t>原則として、材料価格等及び材料単価が、物価資料に掲載されている場合はその掲載価格を採用し単価資料を作成したか。</t>
    <rPh sb="0" eb="2">
      <t>ゲンソク</t>
    </rPh>
    <rPh sb="6" eb="8">
      <t>ザイリョウ</t>
    </rPh>
    <rPh sb="8" eb="11">
      <t>カカクナド</t>
    </rPh>
    <rPh sb="11" eb="12">
      <t>オヨ</t>
    </rPh>
    <rPh sb="13" eb="15">
      <t>ザイリョウ</t>
    </rPh>
    <rPh sb="15" eb="17">
      <t>タンカ</t>
    </rPh>
    <rPh sb="19" eb="21">
      <t>ブッカ</t>
    </rPh>
    <rPh sb="21" eb="23">
      <t>シリョウ</t>
    </rPh>
    <rPh sb="24" eb="26">
      <t>ケイサイ</t>
    </rPh>
    <rPh sb="31" eb="33">
      <t>バアイ</t>
    </rPh>
    <rPh sb="36" eb="38">
      <t>ケイサイ</t>
    </rPh>
    <rPh sb="38" eb="40">
      <t>カカク</t>
    </rPh>
    <rPh sb="41" eb="43">
      <t>サイヨウ</t>
    </rPh>
    <rPh sb="44" eb="46">
      <t>タンカ</t>
    </rPh>
    <rPh sb="46" eb="48">
      <t>シリョウ</t>
    </rPh>
    <rPh sb="49" eb="51">
      <t>サクセイ</t>
    </rPh>
    <phoneticPr fontId="21"/>
  </si>
  <si>
    <t>物価資料に掲載された材料単価等は、平均値を採用し資料を作成したか。なお、１つの物価資料にのみ掲載されている場合は、掲載された単価で単価資料を作成したか。</t>
    <rPh sb="0" eb="2">
      <t>ブッカ</t>
    </rPh>
    <rPh sb="2" eb="4">
      <t>シリョウ</t>
    </rPh>
    <rPh sb="5" eb="7">
      <t>ケイサイ</t>
    </rPh>
    <rPh sb="10" eb="12">
      <t>ザイリョウ</t>
    </rPh>
    <rPh sb="12" eb="14">
      <t>タンカ</t>
    </rPh>
    <rPh sb="14" eb="15">
      <t>ラ</t>
    </rPh>
    <rPh sb="17" eb="20">
      <t>ヘイキンチ</t>
    </rPh>
    <rPh sb="21" eb="23">
      <t>サイヨウ</t>
    </rPh>
    <rPh sb="24" eb="26">
      <t>シリョウ</t>
    </rPh>
    <rPh sb="27" eb="29">
      <t>サクセイ</t>
    </rPh>
    <rPh sb="39" eb="41">
      <t>ブッカ</t>
    </rPh>
    <rPh sb="41" eb="43">
      <t>シリョウ</t>
    </rPh>
    <rPh sb="46" eb="48">
      <t>ケイサイ</t>
    </rPh>
    <rPh sb="53" eb="55">
      <t>バアイ</t>
    </rPh>
    <rPh sb="57" eb="59">
      <t>ケイサイ</t>
    </rPh>
    <rPh sb="62" eb="64">
      <t>タンカ</t>
    </rPh>
    <rPh sb="65" eb="67">
      <t>タンカ</t>
    </rPh>
    <rPh sb="67" eb="69">
      <t>シリョウ</t>
    </rPh>
    <rPh sb="70" eb="72">
      <t>サクセイ</t>
    </rPh>
    <phoneticPr fontId="21"/>
  </si>
  <si>
    <t>改修工事は、施工条件等を考慮し、単価の補正を検討するための単価資料を作成したか。</t>
    <rPh sb="29" eb="31">
      <t>タンカ</t>
    </rPh>
    <phoneticPr fontId="21"/>
  </si>
  <si>
    <t>施工時間が深夜に指定された場合には、割増賃金を考慮し、単価の補正を検討するための単価資料を作成したか。</t>
    <rPh sb="40" eb="42">
      <t>タンカ</t>
    </rPh>
    <phoneticPr fontId="21"/>
  </si>
  <si>
    <t>山間へき地、離島等の特殊な施工条件の場合は、作業員の就労状況、宿舎費、資材の梱包運搬費等の費用を検討するための単価資料を作成したか。</t>
    <rPh sb="55" eb="57">
      <t>タンカ</t>
    </rPh>
    <phoneticPr fontId="21"/>
  </si>
  <si>
    <t>設計図書に従い施工計画上必要となる仮設類の盛換え費用、施工条件の制約により割増しとなる費用等を検討するための単価資料を作成したか。</t>
    <rPh sb="0" eb="2">
      <t>セッケイ</t>
    </rPh>
    <rPh sb="2" eb="4">
      <t>トショ</t>
    </rPh>
    <rPh sb="5" eb="6">
      <t>シタガ</t>
    </rPh>
    <rPh sb="7" eb="9">
      <t>セコウ</t>
    </rPh>
    <rPh sb="9" eb="11">
      <t>ケイカク</t>
    </rPh>
    <rPh sb="11" eb="12">
      <t>ジョウ</t>
    </rPh>
    <rPh sb="12" eb="14">
      <t>ヒツヨウ</t>
    </rPh>
    <rPh sb="17" eb="19">
      <t>カセツ</t>
    </rPh>
    <rPh sb="19" eb="20">
      <t>ルイ</t>
    </rPh>
    <rPh sb="21" eb="22">
      <t>モリ</t>
    </rPh>
    <rPh sb="22" eb="23">
      <t>ガ</t>
    </rPh>
    <rPh sb="24" eb="26">
      <t>ヒヨウ</t>
    </rPh>
    <rPh sb="27" eb="29">
      <t>セコウ</t>
    </rPh>
    <rPh sb="29" eb="31">
      <t>ジョウケン</t>
    </rPh>
    <rPh sb="32" eb="34">
      <t>セイヤク</t>
    </rPh>
    <rPh sb="37" eb="39">
      <t>ワリマ</t>
    </rPh>
    <rPh sb="43" eb="46">
      <t>ヒヨウナド</t>
    </rPh>
    <rPh sb="47" eb="49">
      <t>ケントウ</t>
    </rPh>
    <rPh sb="54" eb="56">
      <t>タンカ</t>
    </rPh>
    <rPh sb="56" eb="58">
      <t>シリョウ</t>
    </rPh>
    <rPh sb="59" eb="61">
      <t>サクセイ</t>
    </rPh>
    <phoneticPr fontId="21"/>
  </si>
  <si>
    <t>物価資料の掲載価格が「公表価格」の場合、市中における取引状況等を確認し、補正を検討するための単価資料を作成したか。</t>
    <rPh sb="46" eb="48">
      <t>タンカ</t>
    </rPh>
    <phoneticPr fontId="21"/>
  </si>
  <si>
    <t>適用となる設計図書と基準類（適用年度）について確認したか。</t>
    <rPh sb="0" eb="2">
      <t>テキヨウ</t>
    </rPh>
    <rPh sb="5" eb="7">
      <t>セッケイ</t>
    </rPh>
    <rPh sb="7" eb="9">
      <t>トショ</t>
    </rPh>
    <rPh sb="10" eb="12">
      <t>キジュン</t>
    </rPh>
    <rPh sb="12" eb="13">
      <t>ルイ</t>
    </rPh>
    <rPh sb="14" eb="16">
      <t>テキヨウ</t>
    </rPh>
    <rPh sb="16" eb="18">
      <t>ネンド</t>
    </rPh>
    <rPh sb="23" eb="25">
      <t>カクニン</t>
    </rPh>
    <phoneticPr fontId="20"/>
  </si>
  <si>
    <t>突針支持管の材質、寸法、支持金物、施工方法等を確認したか。</t>
    <rPh sb="4" eb="5">
      <t>カン</t>
    </rPh>
    <rPh sb="17" eb="19">
      <t>セコウ</t>
    </rPh>
    <phoneticPr fontId="6"/>
  </si>
  <si>
    <t>ファイバ種類、ポート数、パッチコード本数、その他必要な機能を確認したか。</t>
    <rPh sb="4" eb="6">
      <t>シュルイ</t>
    </rPh>
    <rPh sb="10" eb="11">
      <t>スウ</t>
    </rPh>
    <rPh sb="18" eb="20">
      <t>ホンスウ</t>
    </rPh>
    <rPh sb="23" eb="24">
      <t>タ</t>
    </rPh>
    <rPh sb="24" eb="26">
      <t>ヒツヨウ</t>
    </rPh>
    <rPh sb="27" eb="29">
      <t>キノウ</t>
    </rPh>
    <rPh sb="30" eb="32">
      <t>カクニン</t>
    </rPh>
    <phoneticPr fontId="6"/>
  </si>
  <si>
    <t>形状、表示窓数、その他必要な機能を確認したか。</t>
    <rPh sb="0" eb="2">
      <t>ケイジョウ</t>
    </rPh>
    <rPh sb="3" eb="6">
      <t>ヒョウジマド</t>
    </rPh>
    <rPh sb="6" eb="7">
      <t>スウ</t>
    </rPh>
    <rPh sb="10" eb="11">
      <t>タ</t>
    </rPh>
    <rPh sb="11" eb="13">
      <t>ヒツヨウ</t>
    </rPh>
    <rPh sb="14" eb="16">
      <t>キノウ</t>
    </rPh>
    <rPh sb="17" eb="19">
      <t>カクニン</t>
    </rPh>
    <phoneticPr fontId="6"/>
  </si>
  <si>
    <t>録画方式、ディスク容量、その他必要な機能を確認したか。</t>
    <rPh sb="0" eb="2">
      <t>ロクガ</t>
    </rPh>
    <rPh sb="2" eb="4">
      <t>ホウシキ</t>
    </rPh>
    <rPh sb="9" eb="11">
      <t>ヨウリョウ</t>
    </rPh>
    <rPh sb="14" eb="15">
      <t>タ</t>
    </rPh>
    <rPh sb="15" eb="17">
      <t>ヒツヨウ</t>
    </rPh>
    <rPh sb="18" eb="20">
      <t>キノウ</t>
    </rPh>
    <rPh sb="21" eb="23">
      <t>カクニン</t>
    </rPh>
    <phoneticPr fontId="6"/>
  </si>
  <si>
    <t>切換入力回線数、自動・手動の別、出力回線数、カメラ番号表示、その他必要な事項を確認したか。</t>
    <rPh sb="0" eb="2">
      <t>キリカエ</t>
    </rPh>
    <rPh sb="2" eb="4">
      <t>ニュウリョク</t>
    </rPh>
    <rPh sb="4" eb="7">
      <t>カイセンスウ</t>
    </rPh>
    <rPh sb="8" eb="10">
      <t>ジドウ</t>
    </rPh>
    <rPh sb="11" eb="13">
      <t>シュドウ</t>
    </rPh>
    <rPh sb="14" eb="15">
      <t>ベツ</t>
    </rPh>
    <rPh sb="16" eb="18">
      <t>シュツリョク</t>
    </rPh>
    <rPh sb="18" eb="21">
      <t>カイセンスウ</t>
    </rPh>
    <rPh sb="25" eb="27">
      <t>バンゴウ</t>
    </rPh>
    <rPh sb="27" eb="29">
      <t>ヒョウジ</t>
    </rPh>
    <rPh sb="32" eb="33">
      <t>タ</t>
    </rPh>
    <rPh sb="33" eb="35">
      <t>ヒツヨウ</t>
    </rPh>
    <rPh sb="36" eb="38">
      <t>ジコウ</t>
    </rPh>
    <rPh sb="39" eb="41">
      <t>カクニン</t>
    </rPh>
    <phoneticPr fontId="6"/>
  </si>
  <si>
    <t>形式、その他必要な機能を確認したか。</t>
    <rPh sb="0" eb="2">
      <t>ケイシキ</t>
    </rPh>
    <rPh sb="5" eb="6">
      <t>タ</t>
    </rPh>
    <rPh sb="6" eb="8">
      <t>ヒツヨウ</t>
    </rPh>
    <rPh sb="9" eb="11">
      <t>キノウ</t>
    </rPh>
    <rPh sb="12" eb="14">
      <t>カクニン</t>
    </rPh>
    <phoneticPr fontId="6"/>
  </si>
  <si>
    <t>発券方式、発行券の種類、屋内外の別、連絡インターホン、その他必要な機能を確認したか。</t>
    <rPh sb="0" eb="2">
      <t>ハッケン</t>
    </rPh>
    <rPh sb="2" eb="4">
      <t>ホウシキ</t>
    </rPh>
    <rPh sb="5" eb="7">
      <t>ハッコウ</t>
    </rPh>
    <rPh sb="7" eb="8">
      <t>ケン</t>
    </rPh>
    <rPh sb="9" eb="11">
      <t>シュルイ</t>
    </rPh>
    <rPh sb="12" eb="15">
      <t>オクナイガイ</t>
    </rPh>
    <rPh sb="16" eb="17">
      <t>ベツ</t>
    </rPh>
    <rPh sb="18" eb="20">
      <t>レンラク</t>
    </rPh>
    <rPh sb="29" eb="30">
      <t>タ</t>
    </rPh>
    <rPh sb="30" eb="32">
      <t>ヒツヨウ</t>
    </rPh>
    <rPh sb="33" eb="35">
      <t>キノウ</t>
    </rPh>
    <rPh sb="36" eb="38">
      <t>カクニン</t>
    </rPh>
    <phoneticPr fontId="6"/>
  </si>
  <si>
    <t>屋内外の別、その他必要な機能を確認したか。</t>
    <rPh sb="0" eb="3">
      <t>オクナイガイ</t>
    </rPh>
    <rPh sb="4" eb="5">
      <t>ベツ</t>
    </rPh>
    <rPh sb="8" eb="9">
      <t>タ</t>
    </rPh>
    <rPh sb="9" eb="11">
      <t>ヒツヨウ</t>
    </rPh>
    <rPh sb="12" eb="14">
      <t>キノウ</t>
    </rPh>
    <rPh sb="15" eb="17">
      <t>カクニン</t>
    </rPh>
    <phoneticPr fontId="6"/>
  </si>
  <si>
    <t>方式、形式、その他必要な機能を確認したか。</t>
    <rPh sb="0" eb="2">
      <t>ホウシキ</t>
    </rPh>
    <rPh sb="3" eb="5">
      <t>ケイシキ</t>
    </rPh>
    <rPh sb="8" eb="9">
      <t>タ</t>
    </rPh>
    <rPh sb="9" eb="11">
      <t>ヒツヨウ</t>
    </rPh>
    <rPh sb="12" eb="14">
      <t>キノウ</t>
    </rPh>
    <rPh sb="15" eb="17">
      <t>カクニン</t>
    </rPh>
    <phoneticPr fontId="6"/>
  </si>
  <si>
    <t>形式、停電対策、その他必要な機能を確認したか。</t>
    <rPh sb="0" eb="2">
      <t>ケイシキ</t>
    </rPh>
    <rPh sb="3" eb="5">
      <t>テイデン</t>
    </rPh>
    <rPh sb="5" eb="7">
      <t>タイサク</t>
    </rPh>
    <rPh sb="10" eb="11">
      <t>タ</t>
    </rPh>
    <rPh sb="11" eb="13">
      <t>ヒツヨウ</t>
    </rPh>
    <rPh sb="14" eb="16">
      <t>キノウ</t>
    </rPh>
    <rPh sb="17" eb="19">
      <t>カクニン</t>
    </rPh>
    <phoneticPr fontId="6"/>
  </si>
  <si>
    <t>形式、材質、通路数、車いす対応、その他必要な機能を確認したか。</t>
    <rPh sb="0" eb="2">
      <t>ケイシキ</t>
    </rPh>
    <rPh sb="3" eb="5">
      <t>ザイシツ</t>
    </rPh>
    <rPh sb="6" eb="8">
      <t>ツウロ</t>
    </rPh>
    <rPh sb="8" eb="9">
      <t>スウ</t>
    </rPh>
    <rPh sb="10" eb="11">
      <t>クルマ</t>
    </rPh>
    <rPh sb="13" eb="15">
      <t>タイオウ</t>
    </rPh>
    <rPh sb="18" eb="19">
      <t>タ</t>
    </rPh>
    <rPh sb="19" eb="21">
      <t>ヒツヨウ</t>
    </rPh>
    <rPh sb="22" eb="24">
      <t>キノウ</t>
    </rPh>
    <rPh sb="25" eb="27">
      <t>カクニン</t>
    </rPh>
    <phoneticPr fontId="6"/>
  </si>
  <si>
    <t>アドレス数、アナログ機能、その他必要な機能を確認したか。（Ｒ形の場合）</t>
    <rPh sb="4" eb="5">
      <t>スウ</t>
    </rPh>
    <rPh sb="10" eb="12">
      <t>キノウ</t>
    </rPh>
    <rPh sb="15" eb="16">
      <t>タ</t>
    </rPh>
    <rPh sb="16" eb="18">
      <t>ヒツヨウ</t>
    </rPh>
    <rPh sb="19" eb="21">
      <t>キノウ</t>
    </rPh>
    <rPh sb="22" eb="24">
      <t>カクニン</t>
    </rPh>
    <rPh sb="30" eb="31">
      <t>カタ</t>
    </rPh>
    <rPh sb="32" eb="34">
      <t>バアイ</t>
    </rPh>
    <phoneticPr fontId="6"/>
  </si>
  <si>
    <t>盤形式、表示方式、画面サイズ、その他必要な機能を確認したか。</t>
    <rPh sb="0" eb="1">
      <t>バン</t>
    </rPh>
    <rPh sb="1" eb="3">
      <t>ケイシキ</t>
    </rPh>
    <rPh sb="4" eb="6">
      <t>ヒョウジ</t>
    </rPh>
    <rPh sb="6" eb="8">
      <t>ホウシキ</t>
    </rPh>
    <rPh sb="9" eb="11">
      <t>ガメン</t>
    </rPh>
    <rPh sb="17" eb="18">
      <t>タ</t>
    </rPh>
    <rPh sb="18" eb="20">
      <t>ヒツヨウ</t>
    </rPh>
    <rPh sb="21" eb="23">
      <t>キノウ</t>
    </rPh>
    <rPh sb="24" eb="26">
      <t>カクニン</t>
    </rPh>
    <phoneticPr fontId="6"/>
  </si>
  <si>
    <t>Ⅰ　基本事項</t>
    <rPh sb="2" eb="4">
      <t>キホン</t>
    </rPh>
    <rPh sb="4" eb="6">
      <t>ジコウ</t>
    </rPh>
    <phoneticPr fontId="6"/>
  </si>
  <si>
    <t>基準類等</t>
    <rPh sb="0" eb="2">
      <t>キジュン</t>
    </rPh>
    <rPh sb="2" eb="3">
      <t>ルイ</t>
    </rPh>
    <rPh sb="3" eb="4">
      <t>トウ</t>
    </rPh>
    <phoneticPr fontId="6"/>
  </si>
  <si>
    <t>　　・図面及び特記仕様書</t>
    <rPh sb="3" eb="5">
      <t>ズメン</t>
    </rPh>
    <rPh sb="5" eb="6">
      <t>オヨ</t>
    </rPh>
    <rPh sb="7" eb="9">
      <t>トッキ</t>
    </rPh>
    <rPh sb="9" eb="12">
      <t>シヨウショ</t>
    </rPh>
    <phoneticPr fontId="21"/>
  </si>
  <si>
    <t>　積算関係基準類</t>
    <rPh sb="1" eb="3">
      <t>セキサン</t>
    </rPh>
    <rPh sb="3" eb="5">
      <t>カンケイ</t>
    </rPh>
    <rPh sb="5" eb="7">
      <t>キジュン</t>
    </rPh>
    <rPh sb="7" eb="8">
      <t>ルイ</t>
    </rPh>
    <phoneticPr fontId="21"/>
  </si>
  <si>
    <t>２．数量基準</t>
    <rPh sb="2" eb="4">
      <t>スウリョウ</t>
    </rPh>
    <rPh sb="4" eb="6">
      <t>キジュン</t>
    </rPh>
    <phoneticPr fontId="6"/>
  </si>
  <si>
    <t>３．適用の設計図書の確認</t>
    <phoneticPr fontId="6"/>
  </si>
  <si>
    <t>予算の区分による拾い分けが必要か発注者に確認したか。</t>
    <rPh sb="0" eb="2">
      <t>ヨサン</t>
    </rPh>
    <rPh sb="3" eb="5">
      <t>クブン</t>
    </rPh>
    <rPh sb="8" eb="9">
      <t>ヒロ</t>
    </rPh>
    <rPh sb="10" eb="11">
      <t>ワ</t>
    </rPh>
    <rPh sb="13" eb="15">
      <t>ヒツヨウ</t>
    </rPh>
    <rPh sb="20" eb="22">
      <t>カクニン</t>
    </rPh>
    <phoneticPr fontId="20"/>
  </si>
  <si>
    <t>フラッシュプレートの材質を確認したか。（　　　　製）</t>
    <rPh sb="24" eb="25">
      <t>セイ</t>
    </rPh>
    <phoneticPr fontId="6"/>
  </si>
  <si>
    <t>足場を確認したか。</t>
    <rPh sb="0" eb="2">
      <t>アシバ</t>
    </rPh>
    <rPh sb="3" eb="5">
      <t>カクニン</t>
    </rPh>
    <phoneticPr fontId="21"/>
  </si>
  <si>
    <t>養生範囲を確認したか。</t>
    <rPh sb="0" eb="2">
      <t>ヨウジョウ</t>
    </rPh>
    <rPh sb="2" eb="4">
      <t>ハンイ</t>
    </rPh>
    <rPh sb="5" eb="7">
      <t>カクニン</t>
    </rPh>
    <phoneticPr fontId="21"/>
  </si>
  <si>
    <t>建設発生土の処理について確認したか。</t>
    <rPh sb="0" eb="2">
      <t>ケンセツ</t>
    </rPh>
    <rPh sb="2" eb="5">
      <t>ハッセイド</t>
    </rPh>
    <rPh sb="6" eb="8">
      <t>ショリ</t>
    </rPh>
    <rPh sb="12" eb="14">
      <t>カクニン</t>
    </rPh>
    <phoneticPr fontId="21"/>
  </si>
  <si>
    <t>　　　　　　・アスファルト，コンクリート　　　・　　　　　　　　　　　　　）</t>
    <phoneticPr fontId="6"/>
  </si>
  <si>
    <t>凡例に記載があるか確認したか。積算上必要な名称が記載されているか。</t>
    <rPh sb="3" eb="5">
      <t>キサイ</t>
    </rPh>
    <rPh sb="15" eb="17">
      <t>セキサン</t>
    </rPh>
    <rPh sb="17" eb="18">
      <t>ジョウ</t>
    </rPh>
    <rPh sb="18" eb="20">
      <t>ヒツヨウ</t>
    </rPh>
    <rPh sb="21" eb="23">
      <t>メイショウ</t>
    </rPh>
    <rPh sb="24" eb="26">
      <t>キサイ</t>
    </rPh>
    <phoneticPr fontId="6"/>
  </si>
  <si>
    <t>　１．電力設備</t>
    <rPh sb="3" eb="5">
      <t>デンリョク</t>
    </rPh>
    <phoneticPr fontId="6"/>
  </si>
  <si>
    <t>　　（１）電灯設備</t>
    <rPh sb="5" eb="7">
      <t>デントウ</t>
    </rPh>
    <rPh sb="7" eb="9">
      <t>セツビ</t>
    </rPh>
    <phoneticPr fontId="6"/>
  </si>
  <si>
    <t>ＬＥＤ照明器具</t>
    <phoneticPr fontId="6"/>
  </si>
  <si>
    <t>器具の形状、定格全光束、ＬＥＤ制御装置、材質、その他特記事項を確認したか。</t>
    <rPh sb="6" eb="8">
      <t>テイカク</t>
    </rPh>
    <rPh sb="8" eb="9">
      <t>ゼン</t>
    </rPh>
    <rPh sb="9" eb="11">
      <t>コウソク</t>
    </rPh>
    <rPh sb="15" eb="17">
      <t>セイギョ</t>
    </rPh>
    <rPh sb="17" eb="19">
      <t>ソウチ</t>
    </rPh>
    <rPh sb="20" eb="22">
      <t>ザイシツ</t>
    </rPh>
    <rPh sb="25" eb="26">
      <t>タ</t>
    </rPh>
    <rPh sb="26" eb="28">
      <t>トッキ</t>
    </rPh>
    <rPh sb="28" eb="30">
      <t>ジコウ</t>
    </rPh>
    <phoneticPr fontId="6"/>
  </si>
  <si>
    <t>端子盤部の端子形状、対数及び内蔵機器を確認したか。</t>
    <rPh sb="12" eb="13">
      <t>オヨ</t>
    </rPh>
    <rPh sb="14" eb="16">
      <t>ナイゾウ</t>
    </rPh>
    <rPh sb="16" eb="18">
      <t>キキ</t>
    </rPh>
    <phoneticPr fontId="6"/>
  </si>
  <si>
    <t>　　（２）動力設備</t>
    <phoneticPr fontId="6"/>
  </si>
  <si>
    <t>分岐回路の負荷名称、負荷記号、負荷容量、単位装置（定格電流、始動方式、操作・制御方式、操作制御スイッチ及び保護継電器）、監視制御項目、連動及びインターロックを確認したか。</t>
    <rPh sb="51" eb="52">
      <t>オヨ</t>
    </rPh>
    <phoneticPr fontId="6"/>
  </si>
  <si>
    <t>　　（３）電気自動車用充電設備</t>
    <rPh sb="5" eb="7">
      <t>デンキ</t>
    </rPh>
    <rPh sb="7" eb="10">
      <t>ジドウシャ</t>
    </rPh>
    <rPh sb="10" eb="11">
      <t>ヨウ</t>
    </rPh>
    <rPh sb="11" eb="13">
      <t>ジュウデン</t>
    </rPh>
    <rPh sb="13" eb="15">
      <t>セツビ</t>
    </rPh>
    <phoneticPr fontId="6"/>
  </si>
  <si>
    <t>　　（４）電熱設備</t>
    <rPh sb="5" eb="7">
      <t>デンネツ</t>
    </rPh>
    <phoneticPr fontId="6"/>
  </si>
  <si>
    <t>　　（５）雷保護設備</t>
    <phoneticPr fontId="6"/>
  </si>
  <si>
    <t>　　（６）受変電設備</t>
    <phoneticPr fontId="6"/>
  </si>
  <si>
    <t>　　（７）電力貯蔵設備</t>
    <rPh sb="5" eb="7">
      <t>デンリョク</t>
    </rPh>
    <rPh sb="7" eb="9">
      <t>チョゾウ</t>
    </rPh>
    <rPh sb="9" eb="11">
      <t>セツビ</t>
    </rPh>
    <phoneticPr fontId="6"/>
  </si>
  <si>
    <t>　　（ｃ）電力平準化用蓄電</t>
    <rPh sb="5" eb="7">
      <t>デンリョク</t>
    </rPh>
    <rPh sb="7" eb="10">
      <t>ヘイジュンカ</t>
    </rPh>
    <rPh sb="10" eb="11">
      <t>ヨウ</t>
    </rPh>
    <rPh sb="11" eb="13">
      <t>チクデン</t>
    </rPh>
    <phoneticPr fontId="6"/>
  </si>
  <si>
    <t>　　（８）発電設備</t>
    <phoneticPr fontId="6"/>
  </si>
  <si>
    <t>用途、設置高度及び連続運転可能時間を確認したか。</t>
    <rPh sb="0" eb="2">
      <t>ヨウト</t>
    </rPh>
    <rPh sb="3" eb="5">
      <t>セッチ</t>
    </rPh>
    <rPh sb="5" eb="7">
      <t>コウド</t>
    </rPh>
    <rPh sb="13" eb="15">
      <t>カノウ</t>
    </rPh>
    <phoneticPr fontId="6"/>
  </si>
  <si>
    <t>工事範囲を確認したか。
○基礎　○防油堤　○主燃料槽　○主燃料槽(タンク室含む)　○乾燥砂</t>
    <rPh sb="0" eb="2">
      <t>コウジ</t>
    </rPh>
    <rPh sb="2" eb="4">
      <t>ハンイ</t>
    </rPh>
    <rPh sb="5" eb="7">
      <t>カクニン</t>
    </rPh>
    <rPh sb="13" eb="15">
      <t>キソ</t>
    </rPh>
    <rPh sb="19" eb="20">
      <t>テイ</t>
    </rPh>
    <rPh sb="28" eb="29">
      <t>シュ</t>
    </rPh>
    <rPh sb="29" eb="31">
      <t>ネンリョウ</t>
    </rPh>
    <rPh sb="31" eb="32">
      <t>ソウ</t>
    </rPh>
    <rPh sb="36" eb="37">
      <t>シツ</t>
    </rPh>
    <rPh sb="37" eb="38">
      <t>フク</t>
    </rPh>
    <rPh sb="42" eb="45">
      <t>カンソウズナ</t>
    </rPh>
    <phoneticPr fontId="6"/>
  </si>
  <si>
    <t>　　（ｂ）燃料電池発電</t>
    <rPh sb="5" eb="7">
      <t>ネンリョウ</t>
    </rPh>
    <rPh sb="7" eb="9">
      <t>デンチ</t>
    </rPh>
    <rPh sb="9" eb="11">
      <t>ハツデン</t>
    </rPh>
    <phoneticPr fontId="6"/>
  </si>
  <si>
    <t>　　（ｃ）太陽光発電</t>
    <phoneticPr fontId="6"/>
  </si>
  <si>
    <t>形式、定格容量、出力電気方式、周波数及び系統連系方式を確認したか。</t>
    <rPh sb="0" eb="2">
      <t>ケイシキ</t>
    </rPh>
    <rPh sb="10" eb="12">
      <t>デンキ</t>
    </rPh>
    <rPh sb="12" eb="14">
      <t>ホウシキ</t>
    </rPh>
    <rPh sb="15" eb="18">
      <t>シュウハスウ</t>
    </rPh>
    <rPh sb="18" eb="19">
      <t>オヨ</t>
    </rPh>
    <rPh sb="20" eb="22">
      <t>ケイトウ</t>
    </rPh>
    <rPh sb="22" eb="23">
      <t>レン</t>
    </rPh>
    <rPh sb="23" eb="24">
      <t>ケイ</t>
    </rPh>
    <rPh sb="24" eb="26">
      <t>ホウシキ</t>
    </rPh>
    <phoneticPr fontId="6"/>
  </si>
  <si>
    <t>　　（ｄ）風力発電</t>
    <rPh sb="5" eb="7">
      <t>フウリョク</t>
    </rPh>
    <phoneticPr fontId="6"/>
  </si>
  <si>
    <t>　　（９）構内情報通信網設備</t>
    <rPh sb="7" eb="9">
      <t>ジョウホウ</t>
    </rPh>
    <rPh sb="9" eb="12">
      <t>ツウシンモウ</t>
    </rPh>
    <phoneticPr fontId="6"/>
  </si>
  <si>
    <t>インターフェースの種類、同時セッション数、処理能力、暗号化機能等を確認したか。</t>
    <rPh sb="9" eb="11">
      <t>シュルイ</t>
    </rPh>
    <rPh sb="12" eb="14">
      <t>ドウジ</t>
    </rPh>
    <rPh sb="19" eb="20">
      <t>スウ</t>
    </rPh>
    <rPh sb="21" eb="23">
      <t>ショリ</t>
    </rPh>
    <rPh sb="23" eb="25">
      <t>ノウリョク</t>
    </rPh>
    <rPh sb="26" eb="29">
      <t>アンゴウカ</t>
    </rPh>
    <rPh sb="29" eb="31">
      <t>キノウ</t>
    </rPh>
    <rPh sb="31" eb="32">
      <t>トウ</t>
    </rPh>
    <rPh sb="33" eb="35">
      <t>カクニン</t>
    </rPh>
    <phoneticPr fontId="6"/>
  </si>
  <si>
    <t>　　（10）構内交換設備</t>
    <phoneticPr fontId="6"/>
  </si>
  <si>
    <t>停電補償時間を確認したか。</t>
    <rPh sb="0" eb="2">
      <t>テイデン</t>
    </rPh>
    <rPh sb="2" eb="4">
      <t>ホショウ</t>
    </rPh>
    <phoneticPr fontId="6"/>
  </si>
  <si>
    <t>　　（11）情報表示設備</t>
    <rPh sb="6" eb="8">
      <t>ジョウホウ</t>
    </rPh>
    <rPh sb="8" eb="10">
      <t>ヒョウジ</t>
    </rPh>
    <phoneticPr fontId="6"/>
  </si>
  <si>
    <t>形式、表示方式、画面サイズ等を確認したか。</t>
    <rPh sb="0" eb="2">
      <t>ケイシキ</t>
    </rPh>
    <rPh sb="3" eb="5">
      <t>ヒョウジ</t>
    </rPh>
    <rPh sb="5" eb="7">
      <t>ホウシキ</t>
    </rPh>
    <rPh sb="8" eb="10">
      <t>ガメン</t>
    </rPh>
    <rPh sb="13" eb="14">
      <t>トウ</t>
    </rPh>
    <phoneticPr fontId="6"/>
  </si>
  <si>
    <t>　　（12）映像・音響設備</t>
    <rPh sb="6" eb="8">
      <t>エイゾウ</t>
    </rPh>
    <rPh sb="9" eb="11">
      <t>オンキョウ</t>
    </rPh>
    <rPh sb="11" eb="13">
      <t>セツビ</t>
    </rPh>
    <phoneticPr fontId="6"/>
  </si>
  <si>
    <t>形式、指向特性及びマイクスタンドの有無を確認したか。</t>
    <rPh sb="3" eb="5">
      <t>シコウ</t>
    </rPh>
    <rPh sb="5" eb="7">
      <t>トクセイ</t>
    </rPh>
    <rPh sb="7" eb="8">
      <t>オヨ</t>
    </rPh>
    <phoneticPr fontId="6"/>
  </si>
  <si>
    <t>CDプレーヤ
オーディオレコーダ
Blu-ray/DVDプレーヤ・レコーダ等</t>
    <rPh sb="37" eb="38">
      <t>トウ</t>
    </rPh>
    <phoneticPr fontId="6"/>
  </si>
  <si>
    <t>　　（13）拡声設備</t>
    <rPh sb="6" eb="8">
      <t>カクセイ</t>
    </rPh>
    <rPh sb="8" eb="10">
      <t>セツビ</t>
    </rPh>
    <phoneticPr fontId="6"/>
  </si>
  <si>
    <t>　　（14）誘導支援設備</t>
    <rPh sb="6" eb="8">
      <t>ユウドウ</t>
    </rPh>
    <rPh sb="8" eb="10">
      <t>シエン</t>
    </rPh>
    <rPh sb="10" eb="12">
      <t>セツビ</t>
    </rPh>
    <phoneticPr fontId="6"/>
  </si>
  <si>
    <t>　　（15）テレビ共同受信設備</t>
    <phoneticPr fontId="6"/>
  </si>
  <si>
    <t>種別、材質及び素子数を確認したか。</t>
    <rPh sb="5" eb="6">
      <t>オヨ</t>
    </rPh>
    <rPh sb="11" eb="13">
      <t>カクニン</t>
    </rPh>
    <phoneticPr fontId="6"/>
  </si>
  <si>
    <t>　　（16）監視カメラ設備</t>
    <rPh sb="6" eb="8">
      <t>カンシ</t>
    </rPh>
    <rPh sb="11" eb="13">
      <t>セツビ</t>
    </rPh>
    <phoneticPr fontId="6"/>
  </si>
  <si>
    <t>表示方式、モニタのサイズその他必要な機能を確認したか。</t>
    <rPh sb="0" eb="2">
      <t>ヒョウジ</t>
    </rPh>
    <rPh sb="2" eb="4">
      <t>ホウシキ</t>
    </rPh>
    <rPh sb="14" eb="15">
      <t>タ</t>
    </rPh>
    <rPh sb="15" eb="17">
      <t>ヒツヨウ</t>
    </rPh>
    <rPh sb="18" eb="20">
      <t>キノウ</t>
    </rPh>
    <rPh sb="21" eb="23">
      <t>カクニン</t>
    </rPh>
    <phoneticPr fontId="6"/>
  </si>
  <si>
    <t>　　（17）駐車場管制設備</t>
    <rPh sb="6" eb="9">
      <t>チュウシャジョウ</t>
    </rPh>
    <rPh sb="9" eb="11">
      <t>カンセイ</t>
    </rPh>
    <rPh sb="11" eb="13">
      <t>セツビ</t>
    </rPh>
    <phoneticPr fontId="6"/>
  </si>
  <si>
    <t>監視制御盤</t>
    <rPh sb="0" eb="2">
      <t>カンシ</t>
    </rPh>
    <rPh sb="2" eb="4">
      <t>セイギョ</t>
    </rPh>
    <rPh sb="4" eb="5">
      <t>バン</t>
    </rPh>
    <phoneticPr fontId="6"/>
  </si>
  <si>
    <t>形式、遮光フードの有無、投受光器の間隔、取付高さ等を確認したか。</t>
    <rPh sb="0" eb="2">
      <t>ケイシキ</t>
    </rPh>
    <rPh sb="3" eb="5">
      <t>シャコウ</t>
    </rPh>
    <rPh sb="9" eb="11">
      <t>ウム</t>
    </rPh>
    <rPh sb="12" eb="13">
      <t>ナ</t>
    </rPh>
    <rPh sb="13" eb="14">
      <t>ウ</t>
    </rPh>
    <rPh sb="14" eb="15">
      <t>ヒカリ</t>
    </rPh>
    <rPh sb="15" eb="16">
      <t>キ</t>
    </rPh>
    <rPh sb="17" eb="19">
      <t>カンカク</t>
    </rPh>
    <rPh sb="20" eb="21">
      <t>ト</t>
    </rPh>
    <rPh sb="21" eb="22">
      <t>ツ</t>
    </rPh>
    <rPh sb="22" eb="23">
      <t>タカ</t>
    </rPh>
    <rPh sb="24" eb="25">
      <t>トウ</t>
    </rPh>
    <rPh sb="26" eb="28">
      <t>カクニン</t>
    </rPh>
    <phoneticPr fontId="6"/>
  </si>
  <si>
    <t>　　（18）防犯・入退室管理設備</t>
    <rPh sb="6" eb="8">
      <t>ボウハン</t>
    </rPh>
    <rPh sb="9" eb="12">
      <t>ニュウタイシツ</t>
    </rPh>
    <rPh sb="12" eb="14">
      <t>カンリ</t>
    </rPh>
    <rPh sb="14" eb="16">
      <t>セツビ</t>
    </rPh>
    <phoneticPr fontId="6"/>
  </si>
  <si>
    <t>　　（19）火災報知設備</t>
    <rPh sb="6" eb="8">
      <t>カサイ</t>
    </rPh>
    <rPh sb="8" eb="10">
      <t>ホウチ</t>
    </rPh>
    <rPh sb="10" eb="12">
      <t>セツビ</t>
    </rPh>
    <phoneticPr fontId="6"/>
  </si>
  <si>
    <t>アナログ機能、自動試験機能及び遠隔試験機能の有無を確認したか。</t>
    <rPh sb="4" eb="6">
      <t>キノウ</t>
    </rPh>
    <rPh sb="7" eb="9">
      <t>ジドウ</t>
    </rPh>
    <rPh sb="9" eb="11">
      <t>シケン</t>
    </rPh>
    <rPh sb="11" eb="13">
      <t>キノウ</t>
    </rPh>
    <rPh sb="13" eb="14">
      <t>オヨ</t>
    </rPh>
    <rPh sb="15" eb="17">
      <t>エンカク</t>
    </rPh>
    <rPh sb="17" eb="19">
      <t>シケン</t>
    </rPh>
    <rPh sb="19" eb="21">
      <t>キノウ</t>
    </rPh>
    <rPh sb="22" eb="24">
      <t>ウム</t>
    </rPh>
    <rPh sb="25" eb="27">
      <t>カクニン</t>
    </rPh>
    <phoneticPr fontId="6"/>
  </si>
  <si>
    <t>回線数及び遠方復帰機構の回線数を確認したか。</t>
    <rPh sb="0" eb="3">
      <t>カイセンスウ</t>
    </rPh>
    <rPh sb="3" eb="4">
      <t>オヨ</t>
    </rPh>
    <rPh sb="5" eb="7">
      <t>エンポウ</t>
    </rPh>
    <rPh sb="7" eb="9">
      <t>フッキ</t>
    </rPh>
    <rPh sb="9" eb="11">
      <t>キコウ</t>
    </rPh>
    <rPh sb="12" eb="14">
      <t>カイセン</t>
    </rPh>
    <rPh sb="14" eb="15">
      <t>スウ</t>
    </rPh>
    <rPh sb="16" eb="18">
      <t>カクニン</t>
    </rPh>
    <phoneticPr fontId="6"/>
  </si>
  <si>
    <t>　（20）中央監視制御設備</t>
    <rPh sb="5" eb="9">
      <t>チュウオウカンシ</t>
    </rPh>
    <rPh sb="9" eb="11">
      <t>セイギョ</t>
    </rPh>
    <rPh sb="11" eb="13">
      <t>セツビ</t>
    </rPh>
    <phoneticPr fontId="6"/>
  </si>
  <si>
    <t>帳票用印字装置の種類を確認したか。</t>
    <rPh sb="0" eb="2">
      <t>チョウヒョウ</t>
    </rPh>
    <rPh sb="2" eb="3">
      <t>ヨウ</t>
    </rPh>
    <rPh sb="3" eb="5">
      <t>インジ</t>
    </rPh>
    <rPh sb="5" eb="7">
      <t>ソウチ</t>
    </rPh>
    <rPh sb="8" eb="10">
      <t>シュルイ</t>
    </rPh>
    <rPh sb="11" eb="13">
      <t>カクニン</t>
    </rPh>
    <phoneticPr fontId="6"/>
  </si>
  <si>
    <t>雑印字装置の種類を確認したか。</t>
    <rPh sb="0" eb="1">
      <t>ザツ</t>
    </rPh>
    <rPh sb="1" eb="3">
      <t>インジ</t>
    </rPh>
    <rPh sb="3" eb="5">
      <t>ソウチ</t>
    </rPh>
    <rPh sb="6" eb="8">
      <t>シュルイ</t>
    </rPh>
    <rPh sb="9" eb="11">
      <t>カクニン</t>
    </rPh>
    <phoneticPr fontId="6"/>
  </si>
  <si>
    <t>　　（21）発生材処理</t>
    <rPh sb="6" eb="8">
      <t>ハッセイ</t>
    </rPh>
    <rPh sb="8" eb="9">
      <t>ザイ</t>
    </rPh>
    <rPh sb="9" eb="11">
      <t>ショリ</t>
    </rPh>
    <phoneticPr fontId="6"/>
  </si>
  <si>
    <t>　　（22）構内配電線路</t>
    <phoneticPr fontId="6"/>
  </si>
  <si>
    <t>埋設標及び標識シートの有無を確認したか。</t>
    <rPh sb="3" eb="4">
      <t>オヨ</t>
    </rPh>
    <rPh sb="11" eb="13">
      <t>ウム</t>
    </rPh>
    <phoneticPr fontId="6"/>
  </si>
  <si>
    <t>材質、規格及び寸法を確認したか。</t>
    <rPh sb="5" eb="6">
      <t>オヨ</t>
    </rPh>
    <rPh sb="10" eb="12">
      <t>カクニン</t>
    </rPh>
    <phoneticPr fontId="6"/>
  </si>
  <si>
    <t>名称、種別、規格及び寸法を確認したか。</t>
    <rPh sb="8" eb="9">
      <t>オヨ</t>
    </rPh>
    <rPh sb="13" eb="15">
      <t>カクニン</t>
    </rPh>
    <phoneticPr fontId="6"/>
  </si>
  <si>
    <t>記号、形式及び基礎を確認したか。</t>
    <rPh sb="5" eb="6">
      <t>オヨ</t>
    </rPh>
    <phoneticPr fontId="21"/>
  </si>
  <si>
    <t>　　（23）構内通信線路</t>
    <phoneticPr fontId="6"/>
  </si>
  <si>
    <t>　　（24）電波障害防除設備</t>
    <phoneticPr fontId="6"/>
  </si>
  <si>
    <t>　１．共通工事</t>
    <rPh sb="3" eb="5">
      <t>キョウツウ</t>
    </rPh>
    <rPh sb="5" eb="7">
      <t>コウジ</t>
    </rPh>
    <phoneticPr fontId="6"/>
  </si>
  <si>
    <t>　　（１）一般共通事項</t>
    <rPh sb="5" eb="7">
      <t>イッパン</t>
    </rPh>
    <rPh sb="7" eb="9">
      <t>キョウツウ</t>
    </rPh>
    <rPh sb="9" eb="11">
      <t>ジコウ</t>
    </rPh>
    <phoneticPr fontId="6"/>
  </si>
  <si>
    <t>工事種目ごとに区分したか。（図面と照合する。）</t>
    <rPh sb="0" eb="2">
      <t>コウジ</t>
    </rPh>
    <rPh sb="2" eb="4">
      <t>シュモク</t>
    </rPh>
    <rPh sb="7" eb="9">
      <t>クブン</t>
    </rPh>
    <rPh sb="14" eb="16">
      <t>ズメン</t>
    </rPh>
    <rPh sb="17" eb="19">
      <t>ショウゴウ</t>
    </rPh>
    <phoneticPr fontId="7"/>
  </si>
  <si>
    <t>工事科目ごとに区分したか。（図面と照合する。）</t>
    <rPh sb="0" eb="2">
      <t>コウジ</t>
    </rPh>
    <rPh sb="2" eb="4">
      <t>カモク</t>
    </rPh>
    <rPh sb="7" eb="9">
      <t>クブン</t>
    </rPh>
    <rPh sb="14" eb="16">
      <t>ズメン</t>
    </rPh>
    <rPh sb="17" eb="19">
      <t>ショウゴウ</t>
    </rPh>
    <phoneticPr fontId="7"/>
  </si>
  <si>
    <t>種目、科目、中科目、用途、種類、階、盤、回路及び施工場所ごとに区分し計上したか。</t>
    <rPh sb="3" eb="5">
      <t>カモク</t>
    </rPh>
    <rPh sb="6" eb="9">
      <t>チュウカモク</t>
    </rPh>
    <rPh sb="18" eb="19">
      <t>バン</t>
    </rPh>
    <rPh sb="22" eb="23">
      <t>オヨ</t>
    </rPh>
    <rPh sb="34" eb="36">
      <t>ケイジョウ</t>
    </rPh>
    <phoneticPr fontId="6"/>
  </si>
  <si>
    <t>電線・ケーブルは、種別、条数及び施工方法ごと（管内、PF管内、ラック、ころがし等）に区分し計上したか。</t>
    <rPh sb="9" eb="11">
      <t>シュベツ</t>
    </rPh>
    <rPh sb="12" eb="13">
      <t>ジョウ</t>
    </rPh>
    <rPh sb="13" eb="14">
      <t>スウ</t>
    </rPh>
    <rPh sb="14" eb="15">
      <t>オヨ</t>
    </rPh>
    <rPh sb="16" eb="18">
      <t>セコウ</t>
    </rPh>
    <rPh sb="18" eb="20">
      <t>ホウホウ</t>
    </rPh>
    <rPh sb="45" eb="47">
      <t>ケイジョウ</t>
    </rPh>
    <phoneticPr fontId="6"/>
  </si>
  <si>
    <t>管類は、種別、寸法、施工方法及び塗装の有無ごとに区分し計上したか。
※塗装する箇所は、特記仕様書により確認する。</t>
    <rPh sb="10" eb="12">
      <t>セコウ</t>
    </rPh>
    <rPh sb="14" eb="15">
      <t>オヨ</t>
    </rPh>
    <rPh sb="27" eb="29">
      <t>ケイジョウ</t>
    </rPh>
    <rPh sb="51" eb="53">
      <t>カクニン</t>
    </rPh>
    <phoneticPr fontId="6"/>
  </si>
  <si>
    <t>材質及び種類ごとに区分し計上したか。</t>
    <rPh sb="0" eb="2">
      <t>ザイシツ</t>
    </rPh>
    <rPh sb="2" eb="3">
      <t>オヨ</t>
    </rPh>
    <rPh sb="4" eb="6">
      <t>シュルイ</t>
    </rPh>
    <rPh sb="9" eb="11">
      <t>クブン</t>
    </rPh>
    <rPh sb="12" eb="14">
      <t>ケイジョウ</t>
    </rPh>
    <phoneticPr fontId="6"/>
  </si>
  <si>
    <t>ボックスアースを計上したか。※電力用で金属製を計上した場合</t>
    <rPh sb="8" eb="10">
      <t>ケイジョウ</t>
    </rPh>
    <rPh sb="15" eb="18">
      <t>デンリョクヨウ</t>
    </rPh>
    <rPh sb="19" eb="21">
      <t>キンゾク</t>
    </rPh>
    <rPh sb="21" eb="22">
      <t>セイ</t>
    </rPh>
    <rPh sb="23" eb="25">
      <t>ケイジョウ</t>
    </rPh>
    <rPh sb="27" eb="29">
      <t>バアイ</t>
    </rPh>
    <phoneticPr fontId="6"/>
  </si>
  <si>
    <t>材質、形式、寸法、仕上及び用途ごと（電力・通信）に区分し計上したか。</t>
    <rPh sb="0" eb="2">
      <t>ザイシツ</t>
    </rPh>
    <rPh sb="11" eb="12">
      <t>オヨ</t>
    </rPh>
    <rPh sb="18" eb="20">
      <t>デンリョク</t>
    </rPh>
    <rPh sb="21" eb="23">
      <t>ツウシン</t>
    </rPh>
    <rPh sb="28" eb="30">
      <t>ケイジョウ</t>
    </rPh>
    <phoneticPr fontId="6"/>
  </si>
  <si>
    <t>接地端子を計上したか。※電力用の場合。（樹脂製以外）</t>
    <rPh sb="0" eb="2">
      <t>セッチ</t>
    </rPh>
    <rPh sb="2" eb="4">
      <t>タンシ</t>
    </rPh>
    <rPh sb="5" eb="7">
      <t>ケイジョウ</t>
    </rPh>
    <rPh sb="16" eb="18">
      <t>バアイ</t>
    </rPh>
    <rPh sb="20" eb="23">
      <t>ジュシセイ</t>
    </rPh>
    <rPh sb="23" eb="25">
      <t>イガイ</t>
    </rPh>
    <phoneticPr fontId="6"/>
  </si>
  <si>
    <t>形式、寸法及び仕上ごとに区分し計上したか。</t>
    <rPh sb="5" eb="6">
      <t>オヨ</t>
    </rPh>
    <rPh sb="15" eb="17">
      <t>ケイジョウ</t>
    </rPh>
    <phoneticPr fontId="6"/>
  </si>
  <si>
    <t>形式、寸法、仕上及び施工方法ごとに区分し計上したか。</t>
    <rPh sb="8" eb="9">
      <t>オヨ</t>
    </rPh>
    <rPh sb="10" eb="12">
      <t>セコウ</t>
    </rPh>
    <rPh sb="12" eb="14">
      <t>ホウホウ</t>
    </rPh>
    <rPh sb="20" eb="22">
      <t>ケイジョウ</t>
    </rPh>
    <phoneticPr fontId="6"/>
  </si>
  <si>
    <t>形式、電圧、電流ごとに区分し、屈曲、分岐部などの個数も計上したか。</t>
    <rPh sb="3" eb="5">
      <t>デンアツ</t>
    </rPh>
    <rPh sb="6" eb="8">
      <t>デンリュウ</t>
    </rPh>
    <rPh sb="11" eb="13">
      <t>クブン</t>
    </rPh>
    <rPh sb="24" eb="26">
      <t>コスウ</t>
    </rPh>
    <rPh sb="27" eb="29">
      <t>ケイジョウ</t>
    </rPh>
    <phoneticPr fontId="6"/>
  </si>
  <si>
    <t>規格ごとに区分し計上したか。</t>
    <rPh sb="0" eb="2">
      <t>キカク</t>
    </rPh>
    <rPh sb="5" eb="7">
      <t>クブン</t>
    </rPh>
    <rPh sb="8" eb="10">
      <t>ケイジョウ</t>
    </rPh>
    <phoneticPr fontId="6"/>
  </si>
  <si>
    <t>付属品（ボックス類）は、規格ごとに区分し計上したか。</t>
    <rPh sb="0" eb="3">
      <t>フゾクヒン</t>
    </rPh>
    <rPh sb="8" eb="9">
      <t>ルイ</t>
    </rPh>
    <rPh sb="12" eb="14">
      <t>キカク</t>
    </rPh>
    <rPh sb="17" eb="19">
      <t>クブン</t>
    </rPh>
    <rPh sb="20" eb="22">
      <t>ケイジョウ</t>
    </rPh>
    <phoneticPr fontId="6"/>
  </si>
  <si>
    <t>施工場所（床・壁）ごとに区分し計上したか。</t>
    <rPh sb="0" eb="2">
      <t>セコウ</t>
    </rPh>
    <rPh sb="2" eb="4">
      <t>バショ</t>
    </rPh>
    <rPh sb="5" eb="6">
      <t>ユカ</t>
    </rPh>
    <rPh sb="7" eb="8">
      <t>カベ</t>
    </rPh>
    <rPh sb="13" eb="14">
      <t>ブン</t>
    </rPh>
    <rPh sb="15" eb="17">
      <t>ケイジョウ</t>
    </rPh>
    <phoneticPr fontId="6"/>
  </si>
  <si>
    <t>配管サイズごとに区分し計上したか。</t>
    <rPh sb="0" eb="2">
      <t>ハイカン</t>
    </rPh>
    <rPh sb="8" eb="10">
      <t>クブン</t>
    </rPh>
    <rPh sb="11" eb="13">
      <t>ケイジョウ</t>
    </rPh>
    <phoneticPr fontId="6"/>
  </si>
  <si>
    <t>種別、接地極の材質及び寸法ごとに区分し計上したか。</t>
    <rPh sb="9" eb="10">
      <t>オヨ</t>
    </rPh>
    <rPh sb="11" eb="13">
      <t>スンポウ</t>
    </rPh>
    <rPh sb="19" eb="21">
      <t>ケイジョウ</t>
    </rPh>
    <phoneticPr fontId="6"/>
  </si>
  <si>
    <t>形式及び端子数ごとに計上したか。</t>
    <rPh sb="2" eb="3">
      <t>オヨ</t>
    </rPh>
    <rPh sb="4" eb="7">
      <t>タンシスウ</t>
    </rPh>
    <rPh sb="10" eb="12">
      <t>ケイジョウ</t>
    </rPh>
    <phoneticPr fontId="6"/>
  </si>
  <si>
    <t>（受変電、直流電源装置等の機器で、単独の質量が１００ｋｇ以上のもの）</t>
    <rPh sb="1" eb="2">
      <t>ジュ</t>
    </rPh>
    <rPh sb="2" eb="4">
      <t>ヘンデン</t>
    </rPh>
    <rPh sb="5" eb="7">
      <t>チョクリュウ</t>
    </rPh>
    <rPh sb="7" eb="9">
      <t>デンゲン</t>
    </rPh>
    <rPh sb="9" eb="11">
      <t>ソウチ</t>
    </rPh>
    <rPh sb="11" eb="12">
      <t>トウ</t>
    </rPh>
    <rPh sb="13" eb="15">
      <t>キキ</t>
    </rPh>
    <rPh sb="17" eb="19">
      <t>タンドク</t>
    </rPh>
    <rPh sb="20" eb="22">
      <t>シツリョウ</t>
    </rPh>
    <rPh sb="28" eb="30">
      <t>イジョウ</t>
    </rPh>
    <phoneticPr fontId="6"/>
  </si>
  <si>
    <t>機器の種類、台数、寸法及び重量ごとに計上したか。</t>
    <rPh sb="0" eb="2">
      <t>キキ</t>
    </rPh>
    <rPh sb="3" eb="5">
      <t>シュルイ</t>
    </rPh>
    <rPh sb="9" eb="11">
      <t>スンポウ</t>
    </rPh>
    <rPh sb="11" eb="12">
      <t>オヨ</t>
    </rPh>
    <rPh sb="18" eb="20">
      <t>ケイジョウ</t>
    </rPh>
    <phoneticPr fontId="6"/>
  </si>
  <si>
    <t>容積品と重量品の区分をしたか。</t>
    <rPh sb="0" eb="2">
      <t>ヨウセキ</t>
    </rPh>
    <rPh sb="2" eb="3">
      <t>ヒン</t>
    </rPh>
    <rPh sb="4" eb="6">
      <t>ジュウリョウ</t>
    </rPh>
    <rPh sb="6" eb="7">
      <t>ヒン</t>
    </rPh>
    <rPh sb="8" eb="10">
      <t>クブン</t>
    </rPh>
    <phoneticPr fontId="6"/>
  </si>
  <si>
    <t>コンクリート、鉄筋、型枠及びモルタル塗りの数量を確認したか。</t>
    <rPh sb="12" eb="13">
      <t>オヨ</t>
    </rPh>
    <phoneticPr fontId="6"/>
  </si>
  <si>
    <t>定格電圧、電流、容量、極数及び形式ごとに区分し計上したか。</t>
    <rPh sb="13" eb="14">
      <t>オヨ</t>
    </rPh>
    <rPh sb="21" eb="22">
      <t>ブン</t>
    </rPh>
    <rPh sb="23" eb="25">
      <t>ケイジョウ</t>
    </rPh>
    <phoneticPr fontId="6"/>
  </si>
  <si>
    <t>ＬＥＤ照明器具</t>
    <phoneticPr fontId="21"/>
  </si>
  <si>
    <t>形式、記号、定格全光束、ＬＥＤ制御装置及び取付け方法ごとに区分し計上したか。</t>
    <rPh sb="19" eb="20">
      <t>オヨ</t>
    </rPh>
    <rPh sb="24" eb="26">
      <t>ホウホウ</t>
    </rPh>
    <rPh sb="32" eb="34">
      <t>ケイジョウ</t>
    </rPh>
    <phoneticPr fontId="6"/>
  </si>
  <si>
    <t>仕様ごとに区分し計上したか。</t>
    <rPh sb="0" eb="2">
      <t>シヨウ</t>
    </rPh>
    <rPh sb="5" eb="7">
      <t>クブン</t>
    </rPh>
    <rPh sb="8" eb="10">
      <t>ケイジョウ</t>
    </rPh>
    <phoneticPr fontId="7"/>
  </si>
  <si>
    <t>・負荷容量ごとに回路数を計上しているか。</t>
    <phoneticPr fontId="8"/>
  </si>
  <si>
    <t>電動機等への接続材はサイズごとに区分し計上したか。</t>
    <rPh sb="0" eb="3">
      <t>デンドウキ</t>
    </rPh>
    <rPh sb="3" eb="4">
      <t>トウ</t>
    </rPh>
    <rPh sb="6" eb="8">
      <t>セツゾク</t>
    </rPh>
    <rPh sb="8" eb="9">
      <t>ザイ</t>
    </rPh>
    <rPh sb="16" eb="18">
      <t>クブン</t>
    </rPh>
    <rPh sb="19" eb="21">
      <t>ケイジョウ</t>
    </rPh>
    <phoneticPr fontId="8"/>
  </si>
  <si>
    <t>（３）電気自動車用充電設備</t>
    <phoneticPr fontId="6"/>
  </si>
  <si>
    <t>（４）電熱設備</t>
    <rPh sb="3" eb="5">
      <t>デンネツ</t>
    </rPh>
    <rPh sb="5" eb="7">
      <t>セツビ</t>
    </rPh>
    <phoneticPr fontId="8"/>
  </si>
  <si>
    <t>構造、種類、電圧、発熱量及び回路ごとに区分し計上したか。</t>
    <rPh sb="0" eb="2">
      <t>コウゾウ</t>
    </rPh>
    <rPh sb="3" eb="5">
      <t>シュルイ</t>
    </rPh>
    <rPh sb="6" eb="8">
      <t>デンアツ</t>
    </rPh>
    <rPh sb="9" eb="12">
      <t>ハツネツリョウ</t>
    </rPh>
    <rPh sb="12" eb="13">
      <t>オヨ</t>
    </rPh>
    <rPh sb="14" eb="16">
      <t>カイロ</t>
    </rPh>
    <rPh sb="19" eb="21">
      <t>クブン</t>
    </rPh>
    <rPh sb="22" eb="24">
      <t>ケイジョウ</t>
    </rPh>
    <phoneticPr fontId="6"/>
  </si>
  <si>
    <t>（５）雷保護設備</t>
    <phoneticPr fontId="6"/>
  </si>
  <si>
    <t>支持パイプの材質、寸法、支持金物、施工方法ごとに区分し計上したか。</t>
    <rPh sb="17" eb="19">
      <t>セコウ</t>
    </rPh>
    <rPh sb="24" eb="26">
      <t>クブン</t>
    </rPh>
    <rPh sb="27" eb="29">
      <t>ケイジョウ</t>
    </rPh>
    <phoneticPr fontId="6"/>
  </si>
  <si>
    <t>材質、施工方法ごとに区分し計上したか。</t>
    <rPh sb="3" eb="5">
      <t>セコウ</t>
    </rPh>
    <rPh sb="10" eb="12">
      <t>クブン</t>
    </rPh>
    <rPh sb="13" eb="15">
      <t>ケイジョウ</t>
    </rPh>
    <phoneticPr fontId="6"/>
  </si>
  <si>
    <t>記号、形式及び材質ごとに区分し計上したか。</t>
    <rPh sb="5" eb="6">
      <t>オヨ</t>
    </rPh>
    <rPh sb="7" eb="9">
      <t>ザイシツ</t>
    </rPh>
    <rPh sb="12" eb="14">
      <t>クブン</t>
    </rPh>
    <rPh sb="15" eb="17">
      <t>ケイジョウ</t>
    </rPh>
    <phoneticPr fontId="6"/>
  </si>
  <si>
    <t>材質及びサイズごとに区分し計上したか。</t>
    <rPh sb="0" eb="2">
      <t>ザイシツ</t>
    </rPh>
    <rPh sb="2" eb="3">
      <t>オヨ</t>
    </rPh>
    <rPh sb="10" eb="12">
      <t>クブン</t>
    </rPh>
    <rPh sb="13" eb="15">
      <t>ケイジョウ</t>
    </rPh>
    <phoneticPr fontId="8"/>
  </si>
  <si>
    <t>（６）受変電設備</t>
    <phoneticPr fontId="6"/>
  </si>
  <si>
    <t>定格及び盤形式ごとに区分し計上したか</t>
    <rPh sb="2" eb="3">
      <t>オヨ</t>
    </rPh>
    <rPh sb="10" eb="12">
      <t>クブン</t>
    </rPh>
    <rPh sb="13" eb="15">
      <t>ケイジョウ</t>
    </rPh>
    <phoneticPr fontId="6"/>
  </si>
  <si>
    <t>種別、定格及び容量ごとに区分し計上したか。
※低圧は、盤の見積に含むので、計上しない。</t>
    <rPh sb="5" eb="6">
      <t>オヨ</t>
    </rPh>
    <rPh sb="12" eb="14">
      <t>クブン</t>
    </rPh>
    <rPh sb="15" eb="17">
      <t>ケイジョウ</t>
    </rPh>
    <rPh sb="23" eb="25">
      <t>テイアツ</t>
    </rPh>
    <rPh sb="27" eb="28">
      <t>バン</t>
    </rPh>
    <rPh sb="29" eb="31">
      <t>ミツモリ</t>
    </rPh>
    <rPh sb="32" eb="33">
      <t>フク</t>
    </rPh>
    <rPh sb="37" eb="39">
      <t>ケイジョウ</t>
    </rPh>
    <phoneticPr fontId="6"/>
  </si>
  <si>
    <t>必要な場合は計上したか。</t>
    <rPh sb="0" eb="2">
      <t>ヒツヨウ</t>
    </rPh>
    <rPh sb="3" eb="5">
      <t>バアイ</t>
    </rPh>
    <rPh sb="6" eb="8">
      <t>ケイジョウ</t>
    </rPh>
    <phoneticPr fontId="8"/>
  </si>
  <si>
    <t>必要な場合は計上したか。
(油入変圧器500KVA以上、モールド変圧器150KVA以上)</t>
    <rPh sb="0" eb="2">
      <t>ヒツヨウ</t>
    </rPh>
    <rPh sb="3" eb="5">
      <t>バアイ</t>
    </rPh>
    <rPh sb="6" eb="8">
      <t>ケイジョウ</t>
    </rPh>
    <rPh sb="14" eb="16">
      <t>ユニュウ</t>
    </rPh>
    <rPh sb="16" eb="19">
      <t>ヘンアツキ</t>
    </rPh>
    <rPh sb="25" eb="27">
      <t>イジョウ</t>
    </rPh>
    <rPh sb="32" eb="35">
      <t>ヘンアツキ</t>
    </rPh>
    <rPh sb="41" eb="43">
      <t>イジョウ</t>
    </rPh>
    <phoneticPr fontId="8"/>
  </si>
  <si>
    <t>（７）電力貯蔵設備</t>
    <rPh sb="3" eb="5">
      <t>デンリョク</t>
    </rPh>
    <rPh sb="5" eb="7">
      <t>チョゾウ</t>
    </rPh>
    <rPh sb="7" eb="9">
      <t>セツビ</t>
    </rPh>
    <phoneticPr fontId="6"/>
  </si>
  <si>
    <t>電気方式、蓄電池種別及び容量ごとに区分し計上したか。</t>
    <rPh sb="10" eb="11">
      <t>オヨ</t>
    </rPh>
    <rPh sb="17" eb="19">
      <t>クブン</t>
    </rPh>
    <rPh sb="20" eb="22">
      <t>ケイジョウ</t>
    </rPh>
    <phoneticPr fontId="6"/>
  </si>
  <si>
    <t>電気方式、定格出力容量、蓄電池種別及び補償時間ごとに区分し計上したか。</t>
    <rPh sb="5" eb="7">
      <t>テイカク</t>
    </rPh>
    <rPh sb="7" eb="9">
      <t>シュツリョク</t>
    </rPh>
    <rPh sb="9" eb="11">
      <t>ヨウリョウ</t>
    </rPh>
    <rPh sb="17" eb="18">
      <t>オヨ</t>
    </rPh>
    <rPh sb="26" eb="28">
      <t>クブン</t>
    </rPh>
    <rPh sb="29" eb="31">
      <t>ケイジョウ</t>
    </rPh>
    <phoneticPr fontId="6"/>
  </si>
  <si>
    <t>（８）発電設備</t>
    <phoneticPr fontId="6"/>
  </si>
  <si>
    <t>形式、定格、性能及び容量ごとに区分し計上したか。</t>
    <rPh sb="8" eb="9">
      <t>オヨ</t>
    </rPh>
    <rPh sb="15" eb="17">
      <t>クブン</t>
    </rPh>
    <rPh sb="18" eb="20">
      <t>ケイジョウ</t>
    </rPh>
    <phoneticPr fontId="6"/>
  </si>
  <si>
    <t>形式及び制御方式ごとに区分し計上したか。</t>
    <rPh sb="2" eb="3">
      <t>オヨ</t>
    </rPh>
    <rPh sb="11" eb="13">
      <t>クブン</t>
    </rPh>
    <rPh sb="14" eb="16">
      <t>ケイジョウ</t>
    </rPh>
    <phoneticPr fontId="6"/>
  </si>
  <si>
    <t>容量ごとに区分し計上したか。</t>
    <rPh sb="0" eb="2">
      <t>ヨウリョウ</t>
    </rPh>
    <rPh sb="5" eb="7">
      <t>クブン</t>
    </rPh>
    <rPh sb="8" eb="10">
      <t>ケイジョウ</t>
    </rPh>
    <phoneticPr fontId="6"/>
  </si>
  <si>
    <t>用途ごとに区分し計上したか。</t>
    <rPh sb="0" eb="2">
      <t>ヨウト</t>
    </rPh>
    <rPh sb="5" eb="7">
      <t>クブン</t>
    </rPh>
    <rPh sb="8" eb="10">
      <t>ケイジョウ</t>
    </rPh>
    <phoneticPr fontId="6"/>
  </si>
  <si>
    <t>形式、寸法、定格及び容量ごとに区分し計上したか。</t>
    <rPh sb="8" eb="9">
      <t>オヨ</t>
    </rPh>
    <rPh sb="15" eb="17">
      <t>クブン</t>
    </rPh>
    <rPh sb="18" eb="20">
      <t>ケイジョウ</t>
    </rPh>
    <phoneticPr fontId="6"/>
  </si>
  <si>
    <t>（ｃ）太陽光発電</t>
    <rPh sb="3" eb="6">
      <t>タイヨウコウ</t>
    </rPh>
    <rPh sb="6" eb="8">
      <t>ハツデン</t>
    </rPh>
    <phoneticPr fontId="6"/>
  </si>
  <si>
    <t>形式及び定格容量ごとに区分し計上したか。</t>
    <rPh sb="2" eb="3">
      <t>オヨ</t>
    </rPh>
    <rPh sb="11" eb="13">
      <t>クブン</t>
    </rPh>
    <rPh sb="14" eb="16">
      <t>ケイジョウ</t>
    </rPh>
    <phoneticPr fontId="6"/>
  </si>
  <si>
    <t>計測機器、表示装置等を計上したか。</t>
    <rPh sb="9" eb="10">
      <t>トウ</t>
    </rPh>
    <rPh sb="11" eb="13">
      <t>ケイジョウ</t>
    </rPh>
    <phoneticPr fontId="6"/>
  </si>
  <si>
    <t>（ｄ）風力発電</t>
    <phoneticPr fontId="6"/>
  </si>
  <si>
    <t>形式、電気方式及び定格容量ごとに区分し計上したか。</t>
    <rPh sb="0" eb="2">
      <t>ケイシキ</t>
    </rPh>
    <rPh sb="3" eb="5">
      <t>デンキ</t>
    </rPh>
    <rPh sb="5" eb="7">
      <t>ホウシキ</t>
    </rPh>
    <rPh sb="7" eb="8">
      <t>オヨ</t>
    </rPh>
    <rPh sb="9" eb="11">
      <t>テイカク</t>
    </rPh>
    <rPh sb="11" eb="13">
      <t>ヨウリョウ</t>
    </rPh>
    <rPh sb="16" eb="18">
      <t>クブン</t>
    </rPh>
    <rPh sb="19" eb="21">
      <t>ケイジョウ</t>
    </rPh>
    <phoneticPr fontId="6"/>
  </si>
  <si>
    <t>制御装置を計上したか。</t>
    <rPh sb="0" eb="2">
      <t>セイギョ</t>
    </rPh>
    <rPh sb="2" eb="4">
      <t>ソウチ</t>
    </rPh>
    <rPh sb="5" eb="7">
      <t>ケイジョウ</t>
    </rPh>
    <phoneticPr fontId="6"/>
  </si>
  <si>
    <t>支持構造物を計上したか。</t>
    <phoneticPr fontId="6"/>
  </si>
  <si>
    <t>構造、形式、寸法、定格、性能及び容量ごとに区分し計上したか。</t>
    <rPh sb="14" eb="15">
      <t>オヨ</t>
    </rPh>
    <rPh sb="21" eb="23">
      <t>クブン</t>
    </rPh>
    <rPh sb="24" eb="26">
      <t>ケイジョウ</t>
    </rPh>
    <phoneticPr fontId="6"/>
  </si>
  <si>
    <t>システム系統ごとに区分し計上したか。</t>
    <rPh sb="12" eb="14">
      <t>ケイジョウ</t>
    </rPh>
    <phoneticPr fontId="6"/>
  </si>
  <si>
    <t>対数ごとに区分し計上したか。</t>
    <rPh sb="0" eb="2">
      <t>ツイスウ</t>
    </rPh>
    <rPh sb="5" eb="7">
      <t>クブン</t>
    </rPh>
    <rPh sb="8" eb="10">
      <t>ケイジョウ</t>
    </rPh>
    <phoneticPr fontId="7"/>
  </si>
  <si>
    <t>ケーブル本数・規格ごとに区分し計上したか。</t>
    <rPh sb="4" eb="6">
      <t>ホンスウ</t>
    </rPh>
    <rPh sb="7" eb="9">
      <t>キカク</t>
    </rPh>
    <rPh sb="12" eb="14">
      <t>クブン</t>
    </rPh>
    <rPh sb="15" eb="17">
      <t>ケイジョウ</t>
    </rPh>
    <phoneticPr fontId="7"/>
  </si>
  <si>
    <t>形式、容量、付加機能及び規格ごとに区分し計上したか。</t>
    <rPh sb="0" eb="2">
      <t>ケイシキ</t>
    </rPh>
    <rPh sb="3" eb="5">
      <t>ヨウリョウ</t>
    </rPh>
    <rPh sb="6" eb="8">
      <t>フカ</t>
    </rPh>
    <rPh sb="8" eb="10">
      <t>キノウ</t>
    </rPh>
    <rPh sb="10" eb="11">
      <t>オヨ</t>
    </rPh>
    <rPh sb="12" eb="14">
      <t>キカク</t>
    </rPh>
    <rPh sb="17" eb="19">
      <t>クブン</t>
    </rPh>
    <rPh sb="20" eb="22">
      <t>ケイジョウ</t>
    </rPh>
    <phoneticPr fontId="8"/>
  </si>
  <si>
    <t>形式、端子盤種類及び容量ごとに区分し計上したか。</t>
    <rPh sb="8" eb="9">
      <t>オヨ</t>
    </rPh>
    <rPh sb="15" eb="17">
      <t>クブン</t>
    </rPh>
    <rPh sb="18" eb="20">
      <t>ケイジョウ</t>
    </rPh>
    <phoneticPr fontId="6"/>
  </si>
  <si>
    <t>形式、容量、付加機能及び中継方式ごとに区分し計上したか。</t>
    <rPh sb="10" eb="11">
      <t>オヨ</t>
    </rPh>
    <rPh sb="19" eb="21">
      <t>クブン</t>
    </rPh>
    <rPh sb="22" eb="24">
      <t>ケイジョウ</t>
    </rPh>
    <phoneticPr fontId="6"/>
  </si>
  <si>
    <t>形式、接続方式及び付加機能等ごとに区分し計上したか。</t>
    <rPh sb="7" eb="8">
      <t>オヨ</t>
    </rPh>
    <rPh sb="17" eb="19">
      <t>クブン</t>
    </rPh>
    <rPh sb="20" eb="22">
      <t>ケイジョウ</t>
    </rPh>
    <phoneticPr fontId="6"/>
  </si>
  <si>
    <t>形式及び窓数ごとに区分し計上したか。</t>
    <rPh sb="0" eb="2">
      <t>ケイシキ</t>
    </rPh>
    <rPh sb="2" eb="3">
      <t>オヨ</t>
    </rPh>
    <rPh sb="9" eb="11">
      <t>クブン</t>
    </rPh>
    <rPh sb="12" eb="14">
      <t>ケイジョウ</t>
    </rPh>
    <phoneticPr fontId="6"/>
  </si>
  <si>
    <t>形式、電気方式、蓄電池種別及び容量ごとに区分し計上したか。</t>
    <rPh sb="12" eb="13">
      <t>ベツ</t>
    </rPh>
    <rPh sb="13" eb="14">
      <t>オヨ</t>
    </rPh>
    <rPh sb="20" eb="22">
      <t>クブン</t>
    </rPh>
    <rPh sb="23" eb="25">
      <t>ケイジョウ</t>
    </rPh>
    <phoneticPr fontId="6"/>
  </si>
  <si>
    <t>形式、表示方式及び画面サイズごとに区分し計上したか。</t>
    <rPh sb="3" eb="5">
      <t>ヒョウジ</t>
    </rPh>
    <rPh sb="5" eb="7">
      <t>ホウシキ</t>
    </rPh>
    <rPh sb="7" eb="8">
      <t>オヨ</t>
    </rPh>
    <rPh sb="17" eb="19">
      <t>クブン</t>
    </rPh>
    <rPh sb="20" eb="22">
      <t>ケイジョウ</t>
    </rPh>
    <phoneticPr fontId="6"/>
  </si>
  <si>
    <t>ハードウェア仕様その他必要な機能ごとに区分し計上したか。</t>
    <rPh sb="6" eb="8">
      <t>シヨウ</t>
    </rPh>
    <rPh sb="10" eb="11">
      <t>タ</t>
    </rPh>
    <rPh sb="11" eb="13">
      <t>ヒツヨウ</t>
    </rPh>
    <rPh sb="14" eb="16">
      <t>キノウ</t>
    </rPh>
    <rPh sb="19" eb="21">
      <t>クブン</t>
    </rPh>
    <rPh sb="22" eb="24">
      <t>ケイジョウ</t>
    </rPh>
    <phoneticPr fontId="6"/>
  </si>
  <si>
    <t>表示方式、形状、画面サイズ及び窓数ごとに区分し計上したか。</t>
    <rPh sb="0" eb="2">
      <t>ヒョウジ</t>
    </rPh>
    <rPh sb="2" eb="4">
      <t>ホウシキ</t>
    </rPh>
    <rPh sb="5" eb="7">
      <t>ケイジョウ</t>
    </rPh>
    <rPh sb="8" eb="10">
      <t>ガメン</t>
    </rPh>
    <rPh sb="13" eb="14">
      <t>オヨ</t>
    </rPh>
    <rPh sb="20" eb="22">
      <t>クブン</t>
    </rPh>
    <rPh sb="23" eb="25">
      <t>ケイジョウ</t>
    </rPh>
    <phoneticPr fontId="6"/>
  </si>
  <si>
    <t>形式ごとに区分し計上したか。</t>
    <rPh sb="5" eb="7">
      <t>クブン</t>
    </rPh>
    <rPh sb="8" eb="10">
      <t>ケイジョウ</t>
    </rPh>
    <phoneticPr fontId="6"/>
  </si>
  <si>
    <t>形式及び記号ごとに区分し計上したか。</t>
    <rPh sb="0" eb="2">
      <t>ケイシキ</t>
    </rPh>
    <rPh sb="2" eb="3">
      <t>オヨ</t>
    </rPh>
    <rPh sb="4" eb="6">
      <t>キゴウ</t>
    </rPh>
    <rPh sb="9" eb="11">
      <t>クブン</t>
    </rPh>
    <rPh sb="12" eb="14">
      <t>ケイジョウ</t>
    </rPh>
    <phoneticPr fontId="8"/>
  </si>
  <si>
    <t>形式、回線数及び電源種別ごとに区分し計上したか。</t>
    <rPh sb="6" eb="7">
      <t>オヨ</t>
    </rPh>
    <rPh sb="11" eb="12">
      <t>ベツ</t>
    </rPh>
    <rPh sb="15" eb="17">
      <t>クブン</t>
    </rPh>
    <rPh sb="18" eb="20">
      <t>ケイジョウ</t>
    </rPh>
    <phoneticPr fontId="6"/>
  </si>
  <si>
    <t>形式、種別、定格出力、入出力回線数、出力制御及び付加機能ごとに区分し計上したか。</t>
    <rPh sb="31" eb="33">
      <t>クブン</t>
    </rPh>
    <rPh sb="34" eb="36">
      <t>ケイジョウ</t>
    </rPh>
    <phoneticPr fontId="6"/>
  </si>
  <si>
    <t>投写方式、映像信号の種別・接続数及び接続条件ごとに区分し計上したか。</t>
    <rPh sb="5" eb="7">
      <t>エイゾウ</t>
    </rPh>
    <rPh sb="7" eb="9">
      <t>シンゴウ</t>
    </rPh>
    <rPh sb="10" eb="12">
      <t>シュベツ</t>
    </rPh>
    <rPh sb="13" eb="15">
      <t>セツゾク</t>
    </rPh>
    <rPh sb="15" eb="16">
      <t>スウ</t>
    </rPh>
    <rPh sb="16" eb="17">
      <t>オヨ</t>
    </rPh>
    <rPh sb="18" eb="20">
      <t>セツゾク</t>
    </rPh>
    <rPh sb="20" eb="22">
      <t>ジョウケン</t>
    </rPh>
    <rPh sb="25" eb="27">
      <t>クブン</t>
    </rPh>
    <rPh sb="28" eb="30">
      <t>ケイジョウ</t>
    </rPh>
    <phoneticPr fontId="6"/>
  </si>
  <si>
    <t>形式及びサイズごとに区分し計上したか。</t>
    <rPh sb="1" eb="2">
      <t>シキ</t>
    </rPh>
    <rPh sb="2" eb="3">
      <t>オヨ</t>
    </rPh>
    <rPh sb="10" eb="12">
      <t>クブン</t>
    </rPh>
    <rPh sb="13" eb="15">
      <t>ケイジョウ</t>
    </rPh>
    <phoneticPr fontId="6"/>
  </si>
  <si>
    <t>材質、仕上げ及び組込機器ごとに区分し計上したか。</t>
    <rPh sb="0" eb="2">
      <t>ザイシツ</t>
    </rPh>
    <rPh sb="3" eb="5">
      <t>シア</t>
    </rPh>
    <rPh sb="6" eb="7">
      <t>オヨ</t>
    </rPh>
    <rPh sb="8" eb="10">
      <t>クミコミ</t>
    </rPh>
    <rPh sb="10" eb="12">
      <t>キキ</t>
    </rPh>
    <rPh sb="15" eb="17">
      <t>クブン</t>
    </rPh>
    <rPh sb="18" eb="20">
      <t>ケイジョウ</t>
    </rPh>
    <phoneticPr fontId="6"/>
  </si>
  <si>
    <t>映像・音響信号種別、入出力端子数及び接続条件ごとに区分し計上したか。</t>
    <rPh sb="0" eb="2">
      <t>エイゾウ</t>
    </rPh>
    <rPh sb="3" eb="5">
      <t>オンキョウ</t>
    </rPh>
    <rPh sb="5" eb="7">
      <t>シンゴウ</t>
    </rPh>
    <rPh sb="7" eb="9">
      <t>シュベツ</t>
    </rPh>
    <rPh sb="25" eb="27">
      <t>クブン</t>
    </rPh>
    <rPh sb="28" eb="30">
      <t>ケイジョウ</t>
    </rPh>
    <phoneticPr fontId="6"/>
  </si>
  <si>
    <t>形式及び指向性パターンごとに区分し計上したか。</t>
    <rPh sb="2" eb="3">
      <t>オヨ</t>
    </rPh>
    <rPh sb="4" eb="7">
      <t>シコウセイ</t>
    </rPh>
    <rPh sb="14" eb="16">
      <t>クブン</t>
    </rPh>
    <rPh sb="17" eb="19">
      <t>ケイジョウ</t>
    </rPh>
    <phoneticPr fontId="6"/>
  </si>
  <si>
    <t>形式及び機能ごとに区分し計上したか。</t>
    <rPh sb="2" eb="3">
      <t>オヨ</t>
    </rPh>
    <rPh sb="4" eb="6">
      <t>キノウ</t>
    </rPh>
    <rPh sb="9" eb="11">
      <t>クブン</t>
    </rPh>
    <rPh sb="12" eb="14">
      <t>ケイジョウ</t>
    </rPh>
    <phoneticPr fontId="6"/>
  </si>
  <si>
    <t>表示方式、画面サイズ及び入出力信号ごとに区分し計上したか。</t>
    <rPh sb="0" eb="2">
      <t>ヒョウジ</t>
    </rPh>
    <rPh sb="2" eb="4">
      <t>ホウシキ</t>
    </rPh>
    <rPh sb="13" eb="14">
      <t>シュツ</t>
    </rPh>
    <rPh sb="15" eb="17">
      <t>シンゴウ</t>
    </rPh>
    <rPh sb="20" eb="22">
      <t>クブン</t>
    </rPh>
    <rPh sb="23" eb="25">
      <t>ケイジョウ</t>
    </rPh>
    <phoneticPr fontId="6"/>
  </si>
  <si>
    <t>撮像素子、水平解像度、最低被写体照度、映像SN比、同期方式、映像出力種別及びズーム倍率ごとに区分し計上したか。</t>
    <rPh sb="46" eb="48">
      <t>クブン</t>
    </rPh>
    <rPh sb="49" eb="51">
      <t>ケイジョウ</t>
    </rPh>
    <phoneticPr fontId="6"/>
  </si>
  <si>
    <t>形式、種別、定格出力、入出力回線数、出力制御及び付加機能ごとに区分し計上したか。</t>
    <rPh sb="22" eb="23">
      <t>オヨ</t>
    </rPh>
    <rPh sb="31" eb="33">
      <t>クブン</t>
    </rPh>
    <rPh sb="34" eb="36">
      <t>ケイジョウ</t>
    </rPh>
    <phoneticPr fontId="6"/>
  </si>
  <si>
    <t>形式、記号及びアッテネータの有無ごとに区分し計上したか。</t>
    <rPh sb="5" eb="6">
      <t>オヨ</t>
    </rPh>
    <rPh sb="22" eb="24">
      <t>ケイジョウ</t>
    </rPh>
    <phoneticPr fontId="6"/>
  </si>
  <si>
    <t>形式ごとに区分し計上したか。</t>
    <rPh sb="8" eb="10">
      <t>ケイジョウ</t>
    </rPh>
    <phoneticPr fontId="6"/>
  </si>
  <si>
    <t>検出方式、形式及び機能ごとに区分し計上したか。</t>
    <rPh sb="0" eb="2">
      <t>ケンシュツ</t>
    </rPh>
    <rPh sb="2" eb="4">
      <t>ホウシキ</t>
    </rPh>
    <rPh sb="5" eb="7">
      <t>ケイシキ</t>
    </rPh>
    <rPh sb="7" eb="8">
      <t>オヨ</t>
    </rPh>
    <rPh sb="9" eb="11">
      <t>キノウ</t>
    </rPh>
    <rPh sb="14" eb="16">
      <t>クブン</t>
    </rPh>
    <rPh sb="17" eb="19">
      <t>ケイジョウ</t>
    </rPh>
    <phoneticPr fontId="6"/>
  </si>
  <si>
    <t>屋内外の別、形式、音声案内制御及び機能ごとに区分し計上したか。</t>
    <rPh sb="0" eb="3">
      <t>オクナイガイ</t>
    </rPh>
    <rPh sb="4" eb="5">
      <t>ベツ</t>
    </rPh>
    <rPh sb="6" eb="8">
      <t>ケイシキ</t>
    </rPh>
    <rPh sb="9" eb="11">
      <t>オンセイ</t>
    </rPh>
    <rPh sb="11" eb="13">
      <t>アンナイ</t>
    </rPh>
    <rPh sb="13" eb="15">
      <t>セイギョ</t>
    </rPh>
    <rPh sb="15" eb="16">
      <t>オヨ</t>
    </rPh>
    <rPh sb="17" eb="19">
      <t>キノウ</t>
    </rPh>
    <rPh sb="22" eb="24">
      <t>クブン</t>
    </rPh>
    <rPh sb="25" eb="27">
      <t>ケイジョウ</t>
    </rPh>
    <phoneticPr fontId="6"/>
  </si>
  <si>
    <t>屋内外の別及び形式ごとに区分し計上したか。</t>
    <rPh sb="0" eb="3">
      <t>オクナイガイ</t>
    </rPh>
    <rPh sb="4" eb="5">
      <t>ベツ</t>
    </rPh>
    <rPh sb="5" eb="6">
      <t>オヨ</t>
    </rPh>
    <rPh sb="7" eb="9">
      <t>ケイシキ</t>
    </rPh>
    <rPh sb="12" eb="14">
      <t>クブン</t>
    </rPh>
    <rPh sb="15" eb="17">
      <t>ケイジョウ</t>
    </rPh>
    <phoneticPr fontId="6"/>
  </si>
  <si>
    <t>形式、通話方式、通信網の方式及び局数ごとに区分し計上したか。</t>
    <rPh sb="21" eb="23">
      <t>クブン</t>
    </rPh>
    <rPh sb="24" eb="26">
      <t>ケイジョウ</t>
    </rPh>
    <phoneticPr fontId="6"/>
  </si>
  <si>
    <t>形状、通話方式及びモニタ種類ごとに区分し計上したか。</t>
    <rPh sb="0" eb="2">
      <t>ケイジョウ</t>
    </rPh>
    <rPh sb="3" eb="5">
      <t>ツウワ</t>
    </rPh>
    <rPh sb="5" eb="7">
      <t>ホウシキ</t>
    </rPh>
    <rPh sb="7" eb="8">
      <t>オヨ</t>
    </rPh>
    <rPh sb="12" eb="14">
      <t>シュルイ</t>
    </rPh>
    <rPh sb="17" eb="19">
      <t>クブン</t>
    </rPh>
    <rPh sb="20" eb="22">
      <t>ケイジョウ</t>
    </rPh>
    <phoneticPr fontId="8"/>
  </si>
  <si>
    <t>形状、通話方式及び選局数ごとに区分し計上したか。</t>
    <rPh sb="7" eb="8">
      <t>オヨ</t>
    </rPh>
    <rPh sb="15" eb="17">
      <t>クブン</t>
    </rPh>
    <rPh sb="18" eb="20">
      <t>ケイジョウ</t>
    </rPh>
    <phoneticPr fontId="7"/>
  </si>
  <si>
    <t>形式及び定格容量ごとに区分し計上したか。</t>
    <rPh sb="2" eb="3">
      <t>オヨ</t>
    </rPh>
    <rPh sb="14" eb="16">
      <t>ケイジョウ</t>
    </rPh>
    <phoneticPr fontId="6"/>
  </si>
  <si>
    <t>形状ごとに区分し計上したか。</t>
    <rPh sb="0" eb="2">
      <t>ケイジョウ</t>
    </rPh>
    <rPh sb="5" eb="7">
      <t>クブン</t>
    </rPh>
    <rPh sb="8" eb="10">
      <t>ケイジョウ</t>
    </rPh>
    <phoneticPr fontId="8"/>
  </si>
  <si>
    <t>形状及び表示窓数ごとに区分し計上したか。</t>
    <rPh sb="0" eb="2">
      <t>ケイジョウ</t>
    </rPh>
    <rPh sb="2" eb="3">
      <t>オヨ</t>
    </rPh>
    <rPh sb="4" eb="7">
      <t>ヒョウジマド</t>
    </rPh>
    <rPh sb="7" eb="8">
      <t>スウ</t>
    </rPh>
    <rPh sb="11" eb="13">
      <t>クブン</t>
    </rPh>
    <rPh sb="14" eb="16">
      <t>ケイジョウ</t>
    </rPh>
    <phoneticPr fontId="6"/>
  </si>
  <si>
    <t>形状ごとに区分し計上したか。</t>
    <rPh sb="0" eb="2">
      <t>ケイジョウ</t>
    </rPh>
    <rPh sb="5" eb="7">
      <t>クブン</t>
    </rPh>
    <rPh sb="8" eb="10">
      <t>ケイジョウ</t>
    </rPh>
    <phoneticPr fontId="6"/>
  </si>
  <si>
    <t>形式及び機能ごとに区分し計上したか。</t>
    <rPh sb="0" eb="2">
      <t>ケイシキ</t>
    </rPh>
    <rPh sb="2" eb="3">
      <t>オヨ</t>
    </rPh>
    <rPh sb="4" eb="6">
      <t>キノウ</t>
    </rPh>
    <rPh sb="9" eb="11">
      <t>クブン</t>
    </rPh>
    <rPh sb="12" eb="14">
      <t>ケイジョウ</t>
    </rPh>
    <phoneticPr fontId="6"/>
  </si>
  <si>
    <t>種別、材質及び素子数ごとに区分し計上したか。</t>
    <rPh sb="5" eb="6">
      <t>オヨ</t>
    </rPh>
    <rPh sb="13" eb="15">
      <t>クブン</t>
    </rPh>
    <rPh sb="16" eb="18">
      <t>ケイジョウ</t>
    </rPh>
    <phoneticPr fontId="6"/>
  </si>
  <si>
    <t>材質、長さ及び支持方式ごとに区分し計上したか。</t>
    <rPh sb="0" eb="2">
      <t>ザイシツ</t>
    </rPh>
    <rPh sb="3" eb="4">
      <t>ナガ</t>
    </rPh>
    <rPh sb="5" eb="6">
      <t>オヨ</t>
    </rPh>
    <rPh sb="14" eb="16">
      <t>クブン</t>
    </rPh>
    <rPh sb="17" eb="19">
      <t>ケイジョウ</t>
    </rPh>
    <phoneticPr fontId="7"/>
  </si>
  <si>
    <t>形式ごとに区分し計上したか。</t>
    <rPh sb="0" eb="2">
      <t>ケイシキ</t>
    </rPh>
    <rPh sb="5" eb="7">
      <t>クブン</t>
    </rPh>
    <rPh sb="8" eb="10">
      <t>ケイジョウ</t>
    </rPh>
    <phoneticPr fontId="6"/>
  </si>
  <si>
    <t>方式、種別及び形状ごとに区分し計上したか。</t>
    <rPh sb="5" eb="6">
      <t>オヨ</t>
    </rPh>
    <rPh sb="12" eb="14">
      <t>クブン</t>
    </rPh>
    <rPh sb="15" eb="17">
      <t>ケイジョウ</t>
    </rPh>
    <phoneticPr fontId="7"/>
  </si>
  <si>
    <t>形式、画素数、レンズ、形状、ハウジング、同期方式及び電源供給方式ごとに区分し計上したか。</t>
    <rPh sb="0" eb="2">
      <t>ケイシキ</t>
    </rPh>
    <rPh sb="3" eb="6">
      <t>ガソスウ</t>
    </rPh>
    <rPh sb="20" eb="22">
      <t>ドウキ</t>
    </rPh>
    <rPh sb="22" eb="24">
      <t>ホウシキ</t>
    </rPh>
    <rPh sb="24" eb="25">
      <t>オヨ</t>
    </rPh>
    <rPh sb="26" eb="28">
      <t>デンゲン</t>
    </rPh>
    <rPh sb="28" eb="30">
      <t>キョウキュウ</t>
    </rPh>
    <rPh sb="30" eb="32">
      <t>ホウシキ</t>
    </rPh>
    <rPh sb="35" eb="37">
      <t>クブン</t>
    </rPh>
    <rPh sb="38" eb="40">
      <t>ケイジョウ</t>
    </rPh>
    <phoneticPr fontId="6"/>
  </si>
  <si>
    <t>形式、定格及び性能ごとに区分し計上したか。</t>
    <rPh sb="5" eb="6">
      <t>オヨ</t>
    </rPh>
    <rPh sb="12" eb="14">
      <t>クブン</t>
    </rPh>
    <rPh sb="15" eb="17">
      <t>ケイジョウ</t>
    </rPh>
    <phoneticPr fontId="6"/>
  </si>
  <si>
    <t>表示方式、形状、参考寸法及び機能ごとに区分し計上したか。</t>
    <rPh sb="0" eb="2">
      <t>ヒョウジ</t>
    </rPh>
    <rPh sb="2" eb="4">
      <t>ホウシキ</t>
    </rPh>
    <rPh sb="5" eb="7">
      <t>ケイジョウ</t>
    </rPh>
    <rPh sb="8" eb="10">
      <t>サンコウ</t>
    </rPh>
    <rPh sb="10" eb="12">
      <t>スンポウ</t>
    </rPh>
    <rPh sb="12" eb="13">
      <t>オヨ</t>
    </rPh>
    <rPh sb="14" eb="16">
      <t>キノウ</t>
    </rPh>
    <rPh sb="19" eb="21">
      <t>クブン</t>
    </rPh>
    <rPh sb="22" eb="24">
      <t>ケイジョウ</t>
    </rPh>
    <phoneticPr fontId="6"/>
  </si>
  <si>
    <t>形式、遮光フードの有無及び在車検知器の方式ごとに区分し計上したか。</t>
    <rPh sb="0" eb="2">
      <t>ケイシキ</t>
    </rPh>
    <rPh sb="3" eb="5">
      <t>シャコウ</t>
    </rPh>
    <rPh sb="9" eb="11">
      <t>ウム</t>
    </rPh>
    <rPh sb="11" eb="12">
      <t>オヨ</t>
    </rPh>
    <rPh sb="13" eb="14">
      <t>ザイ</t>
    </rPh>
    <rPh sb="14" eb="15">
      <t>シャ</t>
    </rPh>
    <rPh sb="15" eb="18">
      <t>ケンチキ</t>
    </rPh>
    <rPh sb="19" eb="21">
      <t>ホウシキ</t>
    </rPh>
    <rPh sb="24" eb="26">
      <t>クブン</t>
    </rPh>
    <rPh sb="27" eb="29">
      <t>ケイジョウ</t>
    </rPh>
    <phoneticPr fontId="6"/>
  </si>
  <si>
    <t>発券方式、発行券の種類、屋内外の別、連絡インターホン及び機能ごとに区分し計上したか。</t>
    <rPh sb="0" eb="2">
      <t>ハッケン</t>
    </rPh>
    <rPh sb="2" eb="4">
      <t>ホウシキ</t>
    </rPh>
    <rPh sb="5" eb="7">
      <t>ハッコウ</t>
    </rPh>
    <rPh sb="7" eb="8">
      <t>ケン</t>
    </rPh>
    <rPh sb="9" eb="11">
      <t>シュルイ</t>
    </rPh>
    <rPh sb="12" eb="15">
      <t>オクナイガイ</t>
    </rPh>
    <rPh sb="16" eb="17">
      <t>ベツ</t>
    </rPh>
    <rPh sb="18" eb="20">
      <t>レンラク</t>
    </rPh>
    <rPh sb="26" eb="27">
      <t>オヨ</t>
    </rPh>
    <rPh sb="28" eb="30">
      <t>キノウ</t>
    </rPh>
    <rPh sb="33" eb="35">
      <t>クブン</t>
    </rPh>
    <rPh sb="36" eb="38">
      <t>ケイジョウ</t>
    </rPh>
    <phoneticPr fontId="6"/>
  </si>
  <si>
    <t>屋内外の別及び機能ごとに区分し計上したか。</t>
    <rPh sb="0" eb="3">
      <t>オクナイガイ</t>
    </rPh>
    <rPh sb="4" eb="5">
      <t>ベツ</t>
    </rPh>
    <rPh sb="5" eb="6">
      <t>オヨ</t>
    </rPh>
    <rPh sb="7" eb="9">
      <t>キノウ</t>
    </rPh>
    <rPh sb="12" eb="14">
      <t>クブン</t>
    </rPh>
    <rPh sb="15" eb="17">
      <t>ケイジョウ</t>
    </rPh>
    <phoneticPr fontId="6"/>
  </si>
  <si>
    <t>寸法ごとに区分し計上したか。</t>
    <rPh sb="0" eb="1">
      <t>スン</t>
    </rPh>
    <rPh sb="1" eb="2">
      <t>ホウ</t>
    </rPh>
    <rPh sb="5" eb="7">
      <t>クブン</t>
    </rPh>
    <rPh sb="8" eb="10">
      <t>ケイジョウ</t>
    </rPh>
    <phoneticPr fontId="7"/>
  </si>
  <si>
    <t>方式、形式及び機能ごとに区分し計上したか。</t>
    <rPh sb="0" eb="2">
      <t>ホウシキ</t>
    </rPh>
    <rPh sb="3" eb="5">
      <t>ケイシキ</t>
    </rPh>
    <rPh sb="5" eb="6">
      <t>オヨ</t>
    </rPh>
    <rPh sb="7" eb="9">
      <t>キノウ</t>
    </rPh>
    <rPh sb="12" eb="14">
      <t>クブン</t>
    </rPh>
    <rPh sb="15" eb="17">
      <t>ケイジョウ</t>
    </rPh>
    <phoneticPr fontId="6"/>
  </si>
  <si>
    <t>形式及び参考寸法ごとに区分し計上したか。</t>
    <rPh sb="0" eb="2">
      <t>ケイシキ</t>
    </rPh>
    <rPh sb="2" eb="3">
      <t>オヨ</t>
    </rPh>
    <rPh sb="4" eb="6">
      <t>サンコウ</t>
    </rPh>
    <rPh sb="6" eb="8">
      <t>スンポウ</t>
    </rPh>
    <rPh sb="11" eb="13">
      <t>クブン</t>
    </rPh>
    <rPh sb="14" eb="16">
      <t>ケイジョウ</t>
    </rPh>
    <phoneticPr fontId="6"/>
  </si>
  <si>
    <t>形式、停電対策及び機能ごとに区分し計上したか。</t>
    <rPh sb="0" eb="2">
      <t>ケイシキ</t>
    </rPh>
    <rPh sb="3" eb="5">
      <t>テイデン</t>
    </rPh>
    <rPh sb="5" eb="7">
      <t>タイサク</t>
    </rPh>
    <rPh sb="7" eb="8">
      <t>オヨ</t>
    </rPh>
    <rPh sb="9" eb="11">
      <t>キノウ</t>
    </rPh>
    <rPh sb="14" eb="16">
      <t>クブン</t>
    </rPh>
    <rPh sb="17" eb="19">
      <t>ケイジョウ</t>
    </rPh>
    <phoneticPr fontId="6"/>
  </si>
  <si>
    <t>動作形式、電源電圧及び電流ごとに区分し計上したか。</t>
    <rPh sb="0" eb="2">
      <t>ドウサ</t>
    </rPh>
    <rPh sb="2" eb="4">
      <t>ケイシキ</t>
    </rPh>
    <rPh sb="5" eb="7">
      <t>デンゲン</t>
    </rPh>
    <rPh sb="7" eb="9">
      <t>デンアツ</t>
    </rPh>
    <rPh sb="9" eb="10">
      <t>オヨ</t>
    </rPh>
    <rPh sb="11" eb="13">
      <t>デンリュウ</t>
    </rPh>
    <rPh sb="16" eb="18">
      <t>クブン</t>
    </rPh>
    <rPh sb="19" eb="21">
      <t>ケイジョウ</t>
    </rPh>
    <phoneticPr fontId="6"/>
  </si>
  <si>
    <t>形式、材質、通路数、車いす対応及び機能ごとに区分し計上したか。</t>
    <rPh sb="0" eb="2">
      <t>ケイシキ</t>
    </rPh>
    <rPh sb="3" eb="5">
      <t>ザイシツ</t>
    </rPh>
    <rPh sb="6" eb="8">
      <t>ツウロ</t>
    </rPh>
    <rPh sb="8" eb="9">
      <t>スウ</t>
    </rPh>
    <rPh sb="10" eb="11">
      <t>クルマ</t>
    </rPh>
    <rPh sb="13" eb="15">
      <t>タイオウ</t>
    </rPh>
    <rPh sb="15" eb="16">
      <t>オヨ</t>
    </rPh>
    <rPh sb="17" eb="19">
      <t>キノウ</t>
    </rPh>
    <rPh sb="22" eb="24">
      <t>クブン</t>
    </rPh>
    <rPh sb="25" eb="27">
      <t>ケイジョウ</t>
    </rPh>
    <phoneticPr fontId="6"/>
  </si>
  <si>
    <t>形式、級別及び回線数ごとに区分し計上したか。</t>
    <rPh sb="5" eb="6">
      <t>オヨ</t>
    </rPh>
    <rPh sb="13" eb="15">
      <t>クブン</t>
    </rPh>
    <rPh sb="16" eb="18">
      <t>ケイジョウ</t>
    </rPh>
    <phoneticPr fontId="6"/>
  </si>
  <si>
    <t>盤形式、表示方式、画面サイズ及び機能ごとに区分し計上したか。</t>
    <rPh sb="0" eb="1">
      <t>バン</t>
    </rPh>
    <rPh sb="1" eb="3">
      <t>ケイシキ</t>
    </rPh>
    <rPh sb="4" eb="6">
      <t>ヒョウジ</t>
    </rPh>
    <rPh sb="6" eb="8">
      <t>ホウシキ</t>
    </rPh>
    <rPh sb="9" eb="11">
      <t>ガメン</t>
    </rPh>
    <rPh sb="14" eb="15">
      <t>オヨ</t>
    </rPh>
    <rPh sb="16" eb="18">
      <t>キノウ</t>
    </rPh>
    <rPh sb="21" eb="23">
      <t>クブン</t>
    </rPh>
    <rPh sb="24" eb="26">
      <t>ケイジョウ</t>
    </rPh>
    <phoneticPr fontId="6"/>
  </si>
  <si>
    <t>アナログ機能、自動試験機能及び遠隔試験機能ごとに区分し計上したか。</t>
    <rPh sb="4" eb="6">
      <t>キノウ</t>
    </rPh>
    <rPh sb="7" eb="9">
      <t>ジドウ</t>
    </rPh>
    <rPh sb="9" eb="11">
      <t>シケン</t>
    </rPh>
    <rPh sb="11" eb="13">
      <t>キノウ</t>
    </rPh>
    <rPh sb="13" eb="14">
      <t>オヨ</t>
    </rPh>
    <rPh sb="15" eb="17">
      <t>エンカク</t>
    </rPh>
    <rPh sb="17" eb="19">
      <t>シケン</t>
    </rPh>
    <rPh sb="19" eb="21">
      <t>キノウ</t>
    </rPh>
    <rPh sb="24" eb="26">
      <t>クブン</t>
    </rPh>
    <rPh sb="27" eb="29">
      <t>ケイジョウ</t>
    </rPh>
    <phoneticPr fontId="6"/>
  </si>
  <si>
    <t>方式、種別及び形状ごとに区分し計上したか。</t>
    <rPh sb="5" eb="6">
      <t>オヨ</t>
    </rPh>
    <rPh sb="15" eb="17">
      <t>ケイジョウ</t>
    </rPh>
    <phoneticPr fontId="6"/>
  </si>
  <si>
    <t>級別及び形状ごとに区分し計上したか。</t>
    <rPh sb="2" eb="3">
      <t>オヨ</t>
    </rPh>
    <rPh sb="12" eb="14">
      <t>ケイジョウ</t>
    </rPh>
    <phoneticPr fontId="6"/>
  </si>
  <si>
    <t>形状及び内蔵機器ごとに区分し計上したか。</t>
    <rPh sb="2" eb="3">
      <t>オヨ</t>
    </rPh>
    <rPh sb="11" eb="13">
      <t>クブン</t>
    </rPh>
    <rPh sb="14" eb="16">
      <t>ケイジョウ</t>
    </rPh>
    <phoneticPr fontId="6"/>
  </si>
  <si>
    <t>電鈴の形状、寸法及び電源方式ごとに区分し計上したか。</t>
    <rPh sb="8" eb="9">
      <t>オヨ</t>
    </rPh>
    <rPh sb="20" eb="22">
      <t>ケイジョウ</t>
    </rPh>
    <phoneticPr fontId="6"/>
  </si>
  <si>
    <t>形状、級別及び回線数ごとに区分し計上したか。</t>
    <rPh sb="5" eb="6">
      <t>オヨ</t>
    </rPh>
    <rPh sb="13" eb="15">
      <t>クブン</t>
    </rPh>
    <rPh sb="16" eb="18">
      <t>ケイジョウ</t>
    </rPh>
    <phoneticPr fontId="6"/>
  </si>
  <si>
    <t>方式、種別及び形状ごとに区分し計上したか。</t>
    <rPh sb="0" eb="2">
      <t>ホウシキ</t>
    </rPh>
    <rPh sb="3" eb="5">
      <t>シュベツ</t>
    </rPh>
    <rPh sb="5" eb="6">
      <t>オヨ</t>
    </rPh>
    <rPh sb="7" eb="9">
      <t>ケイジョウ</t>
    </rPh>
    <rPh sb="12" eb="14">
      <t>クブン</t>
    </rPh>
    <rPh sb="15" eb="17">
      <t>ケイジョウ</t>
    </rPh>
    <phoneticPr fontId="8"/>
  </si>
  <si>
    <t>形状及び回線数ごとに区分し計上したか。</t>
    <rPh sb="2" eb="3">
      <t>オヨ</t>
    </rPh>
    <rPh sb="10" eb="12">
      <t>クブン</t>
    </rPh>
    <rPh sb="13" eb="15">
      <t>ケイジョウ</t>
    </rPh>
    <phoneticPr fontId="6"/>
  </si>
  <si>
    <t>方式、種別及び形状ごとに区別し計上したか。</t>
    <rPh sb="5" eb="6">
      <t>オヨ</t>
    </rPh>
    <rPh sb="15" eb="17">
      <t>ケイジョウ</t>
    </rPh>
    <phoneticPr fontId="6"/>
  </si>
  <si>
    <t>盤形式、表示窓数及び電源装置ごとに区分し計上したか。</t>
    <rPh sb="0" eb="1">
      <t>バン</t>
    </rPh>
    <rPh sb="1" eb="3">
      <t>ケイシキ</t>
    </rPh>
    <rPh sb="4" eb="6">
      <t>ヒョウジ</t>
    </rPh>
    <rPh sb="6" eb="7">
      <t>マド</t>
    </rPh>
    <rPh sb="7" eb="8">
      <t>スウ</t>
    </rPh>
    <rPh sb="8" eb="9">
      <t>オヨ</t>
    </rPh>
    <rPh sb="10" eb="12">
      <t>デンゲン</t>
    </rPh>
    <rPh sb="12" eb="14">
      <t>ソウチ</t>
    </rPh>
    <rPh sb="17" eb="19">
      <t>クブン</t>
    </rPh>
    <rPh sb="20" eb="22">
      <t>ケイジョウ</t>
    </rPh>
    <phoneticPr fontId="6"/>
  </si>
  <si>
    <t>表示装置の形式及び操作部の方式ごとに区分し計上したか。</t>
    <rPh sb="0" eb="2">
      <t>ヒョウジ</t>
    </rPh>
    <rPh sb="2" eb="4">
      <t>ソウチ</t>
    </rPh>
    <rPh sb="5" eb="7">
      <t>ケイシキ</t>
    </rPh>
    <rPh sb="7" eb="8">
      <t>オヨ</t>
    </rPh>
    <rPh sb="9" eb="12">
      <t>ソウサブ</t>
    </rPh>
    <rPh sb="13" eb="15">
      <t>ホウシキ</t>
    </rPh>
    <rPh sb="18" eb="20">
      <t>クブン</t>
    </rPh>
    <rPh sb="21" eb="23">
      <t>ケイジョウ</t>
    </rPh>
    <phoneticPr fontId="6"/>
  </si>
  <si>
    <t>中央処理装置及び伝送装置ごとに区分し計上したか。</t>
    <rPh sb="0" eb="2">
      <t>チュウオウ</t>
    </rPh>
    <rPh sb="2" eb="4">
      <t>ショリ</t>
    </rPh>
    <rPh sb="4" eb="6">
      <t>ソウチ</t>
    </rPh>
    <rPh sb="6" eb="7">
      <t>オヨ</t>
    </rPh>
    <rPh sb="8" eb="10">
      <t>デンソウ</t>
    </rPh>
    <rPh sb="10" eb="12">
      <t>ソウチ</t>
    </rPh>
    <rPh sb="15" eb="17">
      <t>クブン</t>
    </rPh>
    <rPh sb="18" eb="20">
      <t>ケイジョウ</t>
    </rPh>
    <phoneticPr fontId="6"/>
  </si>
  <si>
    <t>印字装置の種別ごとに区分し計上したか。</t>
    <rPh sb="0" eb="2">
      <t>インジ</t>
    </rPh>
    <rPh sb="2" eb="4">
      <t>ソウチ</t>
    </rPh>
    <rPh sb="5" eb="7">
      <t>シュベツ</t>
    </rPh>
    <rPh sb="10" eb="12">
      <t>クブン</t>
    </rPh>
    <rPh sb="13" eb="15">
      <t>ケイジョウ</t>
    </rPh>
    <phoneticPr fontId="6"/>
  </si>
  <si>
    <t>形式及び電気方式ごとに区分し計上したか。</t>
    <rPh sb="2" eb="3">
      <t>オヨ</t>
    </rPh>
    <rPh sb="11" eb="13">
      <t>クブン</t>
    </rPh>
    <rPh sb="14" eb="16">
      <t>ケイジョウ</t>
    </rPh>
    <phoneticPr fontId="6"/>
  </si>
  <si>
    <t>形式及び構成機能ごとに区分し計上したか。</t>
    <rPh sb="0" eb="2">
      <t>ケイシキ</t>
    </rPh>
    <rPh sb="2" eb="3">
      <t>オヨ</t>
    </rPh>
    <rPh sb="4" eb="6">
      <t>コウセイ</t>
    </rPh>
    <rPh sb="6" eb="8">
      <t>キノウ</t>
    </rPh>
    <rPh sb="11" eb="13">
      <t>クブン</t>
    </rPh>
    <rPh sb="14" eb="16">
      <t>ケイジョウ</t>
    </rPh>
    <phoneticPr fontId="6"/>
  </si>
  <si>
    <t>必要に応じ、埋設標及び標識シートを計上したか。</t>
    <rPh sb="0" eb="2">
      <t>ヒツヨウ</t>
    </rPh>
    <rPh sb="3" eb="4">
      <t>オウ</t>
    </rPh>
    <rPh sb="9" eb="10">
      <t>オヨ</t>
    </rPh>
    <rPh sb="17" eb="19">
      <t>ケイジョウ</t>
    </rPh>
    <phoneticPr fontId="6"/>
  </si>
  <si>
    <t>電柱、支柱、支線柱</t>
    <rPh sb="3" eb="5">
      <t>シチュウ</t>
    </rPh>
    <phoneticPr fontId="6"/>
  </si>
  <si>
    <t>材質、規格及び寸法ごとに区分し計上したか。</t>
    <rPh sb="5" eb="6">
      <t>オヨ</t>
    </rPh>
    <rPh sb="15" eb="17">
      <t>ケイジョウ</t>
    </rPh>
    <phoneticPr fontId="6"/>
  </si>
  <si>
    <t>名称、種別、規格及び寸法ごとに区分し計上したか。</t>
    <rPh sb="8" eb="9">
      <t>オヨ</t>
    </rPh>
    <rPh sb="18" eb="20">
      <t>ケイジョウ</t>
    </rPh>
    <phoneticPr fontId="6"/>
  </si>
  <si>
    <t>規格、名称及び寸法ごとに区分し計上したか。</t>
    <rPh sb="5" eb="6">
      <t>オヨ</t>
    </rPh>
    <rPh sb="15" eb="17">
      <t>ケイジョウ</t>
    </rPh>
    <phoneticPr fontId="6"/>
  </si>
  <si>
    <t>設計数量で算出し、条数及び径間個所数を計上したか。</t>
    <rPh sb="11" eb="12">
      <t>オヨ</t>
    </rPh>
    <phoneticPr fontId="6"/>
  </si>
  <si>
    <t>形式及び容量ごとに区分し計上したか。</t>
    <rPh sb="0" eb="2">
      <t>ケイシキ</t>
    </rPh>
    <rPh sb="2" eb="3">
      <t>オヨ</t>
    </rPh>
    <rPh sb="4" eb="6">
      <t>ヨウリョウ</t>
    </rPh>
    <rPh sb="9" eb="11">
      <t>クブン</t>
    </rPh>
    <rPh sb="12" eb="14">
      <t>ケイジョウ</t>
    </rPh>
    <phoneticPr fontId="6"/>
  </si>
  <si>
    <t>記号ごとに計上したか。</t>
    <phoneticPr fontId="21"/>
  </si>
  <si>
    <t>記号、形式、ポール高さ及び材質ごとに区分し計上したか。</t>
    <rPh sb="0" eb="2">
      <t>キゴウ</t>
    </rPh>
    <rPh sb="3" eb="5">
      <t>ケイシキ</t>
    </rPh>
    <rPh sb="9" eb="10">
      <t>タカ</t>
    </rPh>
    <rPh sb="11" eb="12">
      <t>オヨ</t>
    </rPh>
    <rPh sb="13" eb="15">
      <t>ザイシツ</t>
    </rPh>
    <rPh sb="18" eb="20">
      <t>クブン</t>
    </rPh>
    <rPh sb="21" eb="23">
      <t>ケイジョウ</t>
    </rPh>
    <phoneticPr fontId="8"/>
  </si>
  <si>
    <t>捨コンクリート及び砂利地業を計上したか。</t>
    <rPh sb="0" eb="1">
      <t>ス</t>
    </rPh>
    <rPh sb="7" eb="8">
      <t>オヨ</t>
    </rPh>
    <rPh sb="9" eb="11">
      <t>ジャリ</t>
    </rPh>
    <rPh sb="11" eb="12">
      <t>チ</t>
    </rPh>
    <rPh sb="12" eb="13">
      <t>ギョウ</t>
    </rPh>
    <rPh sb="14" eb="16">
      <t>ケイジョウ</t>
    </rPh>
    <phoneticPr fontId="7"/>
  </si>
  <si>
    <t>機器仕様書により、形式、寸法、定格、性能及び容量ごとに区分し計上したか。</t>
    <rPh sb="20" eb="21">
      <t>オヨ</t>
    </rPh>
    <rPh sb="27" eb="29">
      <t>クブン</t>
    </rPh>
    <rPh sb="30" eb="32">
      <t>ケイジョウ</t>
    </rPh>
    <phoneticPr fontId="6"/>
  </si>
  <si>
    <t>系統ごとに区分し計上したか。</t>
    <rPh sb="8" eb="10">
      <t>ケイジョウ</t>
    </rPh>
    <phoneticPr fontId="6"/>
  </si>
  <si>
    <t>　２．内訳書の記載内容</t>
    <rPh sb="3" eb="6">
      <t>ウチワケショ</t>
    </rPh>
    <rPh sb="7" eb="9">
      <t>キサイ</t>
    </rPh>
    <rPh sb="9" eb="11">
      <t>ナイヨウ</t>
    </rPh>
    <phoneticPr fontId="6"/>
  </si>
  <si>
    <t>　３．適用の設計図書の確認</t>
    <rPh sb="3" eb="5">
      <t>テキヨウ</t>
    </rPh>
    <rPh sb="6" eb="8">
      <t>セッケイ</t>
    </rPh>
    <rPh sb="8" eb="10">
      <t>トショ</t>
    </rPh>
    <rPh sb="11" eb="13">
      <t>カクニン</t>
    </rPh>
    <phoneticPr fontId="6"/>
  </si>
  <si>
    <t>　１．一般共通事項</t>
    <rPh sb="3" eb="5">
      <t>イッパン</t>
    </rPh>
    <rPh sb="5" eb="7">
      <t>キョウツウ</t>
    </rPh>
    <rPh sb="7" eb="9">
      <t>ジコウ</t>
    </rPh>
    <phoneticPr fontId="6"/>
  </si>
  <si>
    <t>下記の項目は、間違いなく積算数量算出書から転記されているか。</t>
    <rPh sb="3" eb="5">
      <t>コウモク</t>
    </rPh>
    <phoneticPr fontId="6"/>
  </si>
  <si>
    <t>処分及び運搬に区分し計上されているか。</t>
    <phoneticPr fontId="6"/>
  </si>
  <si>
    <t xml:space="preserve"> ２．電力設備</t>
    <rPh sb="3" eb="5">
      <t>デンリョク</t>
    </rPh>
    <rPh sb="5" eb="7">
      <t>セツビ</t>
    </rPh>
    <phoneticPr fontId="6"/>
  </si>
  <si>
    <t>　 （１）電灯設備</t>
    <rPh sb="5" eb="7">
      <t>デントウ</t>
    </rPh>
    <rPh sb="7" eb="9">
      <t>セツビ</t>
    </rPh>
    <phoneticPr fontId="6"/>
  </si>
  <si>
    <t>　 （２）動力設備</t>
    <rPh sb="5" eb="7">
      <t>ドウリョク</t>
    </rPh>
    <rPh sb="7" eb="9">
      <t>セツビ</t>
    </rPh>
    <phoneticPr fontId="6"/>
  </si>
  <si>
    <t>　 （３）電気自動車用充電設備</t>
    <rPh sb="5" eb="7">
      <t>デンキ</t>
    </rPh>
    <rPh sb="7" eb="11">
      <t>ジドウシャヨウ</t>
    </rPh>
    <rPh sb="11" eb="13">
      <t>ジュウデン</t>
    </rPh>
    <rPh sb="13" eb="15">
      <t>セツビ</t>
    </rPh>
    <phoneticPr fontId="6"/>
  </si>
  <si>
    <t>　電気自動車用充電装置</t>
    <rPh sb="1" eb="3">
      <t>デンキ</t>
    </rPh>
    <rPh sb="3" eb="7">
      <t>ジドウシャヨウ</t>
    </rPh>
    <rPh sb="7" eb="9">
      <t>ジュウデン</t>
    </rPh>
    <rPh sb="9" eb="11">
      <t>ソウチ</t>
    </rPh>
    <phoneticPr fontId="8"/>
  </si>
  <si>
    <t>　 （４）電熱設備</t>
    <phoneticPr fontId="6"/>
  </si>
  <si>
    <t>　 （５）雷保護設備</t>
    <rPh sb="5" eb="6">
      <t>カミナリ</t>
    </rPh>
    <rPh sb="6" eb="8">
      <t>ホゴ</t>
    </rPh>
    <rPh sb="8" eb="10">
      <t>セツビ</t>
    </rPh>
    <phoneticPr fontId="6"/>
  </si>
  <si>
    <t>　 （６）受変電設備</t>
    <rPh sb="5" eb="6">
      <t>ウケ</t>
    </rPh>
    <rPh sb="6" eb="8">
      <t>ヘンデン</t>
    </rPh>
    <rPh sb="8" eb="10">
      <t>セツビ</t>
    </rPh>
    <phoneticPr fontId="6"/>
  </si>
  <si>
    <t xml:space="preserve"> （７）電力貯蔵設備</t>
    <phoneticPr fontId="6"/>
  </si>
  <si>
    <t>　 （a）直流電源</t>
    <phoneticPr fontId="6"/>
  </si>
  <si>
    <t>　 （b）交流無停電電源</t>
    <rPh sb="5" eb="7">
      <t>コウリュウ</t>
    </rPh>
    <rPh sb="7" eb="10">
      <t>ムテイデン</t>
    </rPh>
    <rPh sb="10" eb="12">
      <t>デンゲン</t>
    </rPh>
    <phoneticPr fontId="6"/>
  </si>
  <si>
    <t>　 （ｃ）電力平準化用蓄電</t>
    <rPh sb="5" eb="7">
      <t>デンリョク</t>
    </rPh>
    <rPh sb="7" eb="10">
      <t>ヘイジュンカ</t>
    </rPh>
    <rPh sb="10" eb="11">
      <t>ヨウ</t>
    </rPh>
    <rPh sb="11" eb="13">
      <t>チクデン</t>
    </rPh>
    <phoneticPr fontId="6"/>
  </si>
  <si>
    <t>　電力平準化用蓄電</t>
    <rPh sb="1" eb="3">
      <t>デンリョク</t>
    </rPh>
    <rPh sb="3" eb="6">
      <t>ヘイジュンカ</t>
    </rPh>
    <rPh sb="6" eb="7">
      <t>ヨウ</t>
    </rPh>
    <rPh sb="7" eb="9">
      <t>チクデン</t>
    </rPh>
    <phoneticPr fontId="6"/>
  </si>
  <si>
    <t xml:space="preserve"> （８）発電設備</t>
    <phoneticPr fontId="6"/>
  </si>
  <si>
    <t>　 （a）発電</t>
    <phoneticPr fontId="6"/>
  </si>
  <si>
    <t>　 （b）燃料電池発電</t>
    <rPh sb="5" eb="7">
      <t>ネンリョウ</t>
    </rPh>
    <rPh sb="7" eb="9">
      <t>デンチ</t>
    </rPh>
    <rPh sb="9" eb="11">
      <t>ハツデン</t>
    </rPh>
    <phoneticPr fontId="6"/>
  </si>
  <si>
    <t xml:space="preserve">  燃料電池発電装置</t>
    <rPh sb="2" eb="4">
      <t>ネンリョウ</t>
    </rPh>
    <rPh sb="4" eb="6">
      <t>デンチ</t>
    </rPh>
    <rPh sb="6" eb="8">
      <t>ハツデン</t>
    </rPh>
    <rPh sb="8" eb="10">
      <t>ソウチ</t>
    </rPh>
    <phoneticPr fontId="6"/>
  </si>
  <si>
    <t>　 （ｃ）太陽光発電</t>
    <rPh sb="5" eb="8">
      <t>タイヨウコウ</t>
    </rPh>
    <rPh sb="8" eb="10">
      <t>ハツデン</t>
    </rPh>
    <phoneticPr fontId="6"/>
  </si>
  <si>
    <t>　 （ｄ）風力発電</t>
    <phoneticPr fontId="6"/>
  </si>
  <si>
    <t>　風車発電装置</t>
    <rPh sb="1" eb="3">
      <t>フウシャ</t>
    </rPh>
    <rPh sb="3" eb="5">
      <t>ハツデン</t>
    </rPh>
    <rPh sb="5" eb="7">
      <t>ソウチ</t>
    </rPh>
    <phoneticPr fontId="6"/>
  </si>
  <si>
    <t>　支持構造物</t>
    <rPh sb="1" eb="3">
      <t>シジ</t>
    </rPh>
    <rPh sb="3" eb="6">
      <t>コウゾウブツ</t>
    </rPh>
    <phoneticPr fontId="6"/>
  </si>
  <si>
    <t xml:space="preserve"> ３．通信・情報設備</t>
    <rPh sb="3" eb="5">
      <t>ツウシン</t>
    </rPh>
    <rPh sb="6" eb="8">
      <t>ジョウホウ</t>
    </rPh>
    <rPh sb="8" eb="10">
      <t>セツビ</t>
    </rPh>
    <phoneticPr fontId="6"/>
  </si>
  <si>
    <t>　 （１）構内情報通信網設備</t>
    <rPh sb="5" eb="7">
      <t>コウナイ</t>
    </rPh>
    <rPh sb="7" eb="9">
      <t>ジョウホウ</t>
    </rPh>
    <rPh sb="9" eb="12">
      <t>ツウシンモウ</t>
    </rPh>
    <rPh sb="12" eb="14">
      <t>セツビ</t>
    </rPh>
    <phoneticPr fontId="6"/>
  </si>
  <si>
    <t>　 （２）構内交換設備</t>
    <rPh sb="5" eb="7">
      <t>コウナイ</t>
    </rPh>
    <rPh sb="7" eb="9">
      <t>コウカン</t>
    </rPh>
    <rPh sb="9" eb="11">
      <t>セツビ</t>
    </rPh>
    <phoneticPr fontId="6"/>
  </si>
  <si>
    <t xml:space="preserve"> （３）情報表示設備</t>
    <phoneticPr fontId="6"/>
  </si>
  <si>
    <t>　 （a）マルチサイン</t>
    <phoneticPr fontId="6"/>
  </si>
  <si>
    <t>　 （b）出退表示</t>
    <phoneticPr fontId="6"/>
  </si>
  <si>
    <t>　 （c）時刻表示</t>
    <phoneticPr fontId="6"/>
  </si>
  <si>
    <t>　 （４）映像・音響設備</t>
    <rPh sb="5" eb="7">
      <t>エイゾウ</t>
    </rPh>
    <rPh sb="8" eb="10">
      <t>オンキョウ</t>
    </rPh>
    <rPh sb="10" eb="12">
      <t>セツビ</t>
    </rPh>
    <phoneticPr fontId="6"/>
  </si>
  <si>
    <t>　 （５）拡声設備</t>
    <phoneticPr fontId="6"/>
  </si>
  <si>
    <t xml:space="preserve"> （６）誘導支援設備</t>
    <phoneticPr fontId="6"/>
  </si>
  <si>
    <t>　 （a）誘導支援</t>
    <phoneticPr fontId="6"/>
  </si>
  <si>
    <t>　 （b）インターホン</t>
    <phoneticPr fontId="6"/>
  </si>
  <si>
    <t>　 （c）トイレ呼出表示</t>
    <rPh sb="8" eb="10">
      <t>コシュツ</t>
    </rPh>
    <rPh sb="10" eb="12">
      <t>ヒョウジ</t>
    </rPh>
    <phoneticPr fontId="6"/>
  </si>
  <si>
    <t>　 （d）受付呼出表示</t>
    <rPh sb="5" eb="7">
      <t>ウケツケ</t>
    </rPh>
    <rPh sb="7" eb="9">
      <t>コシュツ</t>
    </rPh>
    <rPh sb="9" eb="11">
      <t>ヒョウジ</t>
    </rPh>
    <phoneticPr fontId="6"/>
  </si>
  <si>
    <t>　 （７）テレビ共同受信設備</t>
    <rPh sb="8" eb="10">
      <t>キョウドウ</t>
    </rPh>
    <rPh sb="10" eb="12">
      <t>ジュシン</t>
    </rPh>
    <rPh sb="12" eb="14">
      <t>セツビ</t>
    </rPh>
    <phoneticPr fontId="6"/>
  </si>
  <si>
    <t>　 （８）監視カメラ設備</t>
    <rPh sb="5" eb="7">
      <t>カンシ</t>
    </rPh>
    <rPh sb="10" eb="12">
      <t>セツビ</t>
    </rPh>
    <phoneticPr fontId="6"/>
  </si>
  <si>
    <t>　 （９）駐車場管制設備</t>
    <rPh sb="5" eb="8">
      <t>チュウシャジョウ</t>
    </rPh>
    <rPh sb="8" eb="10">
      <t>カンセイ</t>
    </rPh>
    <rPh sb="10" eb="12">
      <t>セツビ</t>
    </rPh>
    <phoneticPr fontId="6"/>
  </si>
  <si>
    <t xml:space="preserve"> （10）防犯・入退室管理設備</t>
    <phoneticPr fontId="6"/>
  </si>
  <si>
    <t>　 （a）防犯</t>
    <phoneticPr fontId="6"/>
  </si>
  <si>
    <t>　 （b）入退室管理</t>
    <rPh sb="5" eb="8">
      <t>ニュウタイシツ</t>
    </rPh>
    <rPh sb="8" eb="10">
      <t>カンリ</t>
    </rPh>
    <phoneticPr fontId="6"/>
  </si>
  <si>
    <t>　ＩＣカード</t>
    <phoneticPr fontId="6"/>
  </si>
  <si>
    <t>　 （a）自動火災報知</t>
    <phoneticPr fontId="6"/>
  </si>
  <si>
    <t>　 （b）自動閉鎖</t>
    <rPh sb="5" eb="7">
      <t>ジドウ</t>
    </rPh>
    <rPh sb="7" eb="9">
      <t>ヘイサ</t>
    </rPh>
    <phoneticPr fontId="6"/>
  </si>
  <si>
    <t>　 （c）ガス漏れ火災警報</t>
    <rPh sb="7" eb="8">
      <t>モ</t>
    </rPh>
    <rPh sb="9" eb="11">
      <t>カサイ</t>
    </rPh>
    <rPh sb="11" eb="13">
      <t>ケイホウ</t>
    </rPh>
    <phoneticPr fontId="6"/>
  </si>
  <si>
    <t>　 （a）警報盤</t>
    <phoneticPr fontId="6"/>
  </si>
  <si>
    <t>　 （b）簡易形</t>
    <rPh sb="5" eb="7">
      <t>カンイ</t>
    </rPh>
    <rPh sb="7" eb="8">
      <t>ケイ</t>
    </rPh>
    <phoneticPr fontId="6"/>
  </si>
  <si>
    <t>　 （c）監視制御装置</t>
    <phoneticPr fontId="6"/>
  </si>
  <si>
    <t xml:space="preserve"> ４．屋外</t>
    <rPh sb="3" eb="5">
      <t>オクガイ</t>
    </rPh>
    <phoneticPr fontId="6"/>
  </si>
  <si>
    <t>　（１）構内配電線路</t>
    <rPh sb="4" eb="6">
      <t>コウナイ</t>
    </rPh>
    <rPh sb="6" eb="8">
      <t>ハイデン</t>
    </rPh>
    <rPh sb="8" eb="10">
      <t>センロ</t>
    </rPh>
    <phoneticPr fontId="6"/>
  </si>
  <si>
    <t>　  （a）電力引込み</t>
    <rPh sb="6" eb="8">
      <t>デンリョク</t>
    </rPh>
    <rPh sb="8" eb="9">
      <t>ヒ</t>
    </rPh>
    <rPh sb="9" eb="10">
      <t>コ</t>
    </rPh>
    <phoneticPr fontId="6"/>
  </si>
  <si>
    <t>　引込開閉器箱</t>
    <rPh sb="1" eb="3">
      <t>ヒキコミ</t>
    </rPh>
    <rPh sb="3" eb="6">
      <t>カイヘイキ</t>
    </rPh>
    <rPh sb="6" eb="7">
      <t>バコ</t>
    </rPh>
    <phoneticPr fontId="6"/>
  </si>
  <si>
    <t>　ＰＡＳ</t>
    <phoneticPr fontId="6"/>
  </si>
  <si>
    <t>　ＵＧＳ</t>
    <phoneticPr fontId="6"/>
  </si>
  <si>
    <t>　 （b）外灯</t>
    <rPh sb="5" eb="7">
      <t>ガイトウ</t>
    </rPh>
    <phoneticPr fontId="6"/>
  </si>
  <si>
    <t>　（２）構内通信線路</t>
    <phoneticPr fontId="6"/>
  </si>
  <si>
    <t>構内通信線路
（通信引込み、通信）</t>
    <rPh sb="8" eb="10">
      <t>ツウシン</t>
    </rPh>
    <rPh sb="10" eb="11">
      <t>ヒ</t>
    </rPh>
    <rPh sb="11" eb="12">
      <t>コ</t>
    </rPh>
    <rPh sb="14" eb="16">
      <t>ツウシン</t>
    </rPh>
    <phoneticPr fontId="21"/>
  </si>
  <si>
    <t>　５．別紙明細・代価表</t>
    <rPh sb="3" eb="5">
      <t>ベッシ</t>
    </rPh>
    <rPh sb="5" eb="7">
      <t>メイサイ</t>
    </rPh>
    <rPh sb="8" eb="10">
      <t>ダイカ</t>
    </rPh>
    <rPh sb="10" eb="11">
      <t>ヒョウ</t>
    </rPh>
    <phoneticPr fontId="6"/>
  </si>
  <si>
    <t>　　（１）照明器具</t>
    <rPh sb="5" eb="7">
      <t>ショウメイ</t>
    </rPh>
    <rPh sb="7" eb="9">
      <t>キグ</t>
    </rPh>
    <phoneticPr fontId="6"/>
  </si>
  <si>
    <t>　２．複合単価</t>
    <rPh sb="3" eb="5">
      <t>フクゴウ</t>
    </rPh>
    <rPh sb="5" eb="7">
      <t>タンカ</t>
    </rPh>
    <phoneticPr fontId="6"/>
  </si>
  <si>
    <t>　３．市場単価</t>
    <rPh sb="3" eb="5">
      <t>シジョウ</t>
    </rPh>
    <rPh sb="5" eb="7">
      <t>タンカ</t>
    </rPh>
    <phoneticPr fontId="6"/>
  </si>
  <si>
    <t>　４．見積単価</t>
    <phoneticPr fontId="6"/>
  </si>
  <si>
    <t>　５．見積内訳書の確認</t>
    <rPh sb="3" eb="5">
      <t>ミツモリ</t>
    </rPh>
    <rPh sb="5" eb="8">
      <t>ウチワケショ</t>
    </rPh>
    <rPh sb="9" eb="11">
      <t>カクニン</t>
    </rPh>
    <phoneticPr fontId="6"/>
  </si>
  <si>
    <t>　（b）燃料電池発電装置</t>
    <rPh sb="4" eb="6">
      <t>ネンリョウ</t>
    </rPh>
    <rPh sb="6" eb="8">
      <t>デンチ</t>
    </rPh>
    <rPh sb="8" eb="10">
      <t>ハツデン</t>
    </rPh>
    <rPh sb="10" eb="12">
      <t>ソウチ</t>
    </rPh>
    <phoneticPr fontId="6"/>
  </si>
  <si>
    <t>（ｃ）太陽光発電装置</t>
    <rPh sb="3" eb="6">
      <t>タイヨウコウ</t>
    </rPh>
    <rPh sb="6" eb="8">
      <t>ハツデン</t>
    </rPh>
    <rPh sb="8" eb="10">
      <t>ソウチ</t>
    </rPh>
    <phoneticPr fontId="6"/>
  </si>
  <si>
    <t>　（d）風力発電装置</t>
    <rPh sb="4" eb="6">
      <t>フウリョク</t>
    </rPh>
    <rPh sb="6" eb="8">
      <t>ハツデン</t>
    </rPh>
    <rPh sb="8" eb="10">
      <t>ソウチ</t>
    </rPh>
    <phoneticPr fontId="6"/>
  </si>
  <si>
    <t>（５）構内情報通信網装置</t>
    <rPh sb="10" eb="12">
      <t>ソウチ</t>
    </rPh>
    <phoneticPr fontId="6"/>
  </si>
  <si>
    <t>（６）構内交換装置</t>
    <rPh sb="7" eb="9">
      <t>ソウチ</t>
    </rPh>
    <phoneticPr fontId="6"/>
  </si>
  <si>
    <t>・形式、容量、付加機能、中継方式等を確認したか。</t>
    <rPh sb="1" eb="3">
      <t>ケイシキ</t>
    </rPh>
    <rPh sb="4" eb="16">
      <t>ヨウリョウナド</t>
    </rPh>
    <rPh sb="16" eb="17">
      <t>トウ</t>
    </rPh>
    <rPh sb="18" eb="20">
      <t>カクニン</t>
    </rPh>
    <phoneticPr fontId="8"/>
  </si>
  <si>
    <t>　６．見積比較書</t>
    <rPh sb="3" eb="5">
      <t>ミツモリ</t>
    </rPh>
    <rPh sb="5" eb="7">
      <t>ヒカク</t>
    </rPh>
    <rPh sb="7" eb="8">
      <t>ショ</t>
    </rPh>
    <phoneticPr fontId="6"/>
  </si>
  <si>
    <t>　２．適用の設計図書※1の確認</t>
    <rPh sb="3" eb="5">
      <t>テキヨウ</t>
    </rPh>
    <rPh sb="6" eb="8">
      <t>セッケイ</t>
    </rPh>
    <rPh sb="8" eb="10">
      <t>トショ</t>
    </rPh>
    <rPh sb="13" eb="15">
      <t>カクニン</t>
    </rPh>
    <phoneticPr fontId="6"/>
  </si>
  <si>
    <t>　・新営単価　　　　　　　　　　　　　　　　　　　　建物名：</t>
    <rPh sb="2" eb="4">
      <t>シンエイ</t>
    </rPh>
    <rPh sb="4" eb="6">
      <t>タンカ</t>
    </rPh>
    <rPh sb="26" eb="28">
      <t>タテモノ</t>
    </rPh>
    <rPh sb="28" eb="29">
      <t>メイ</t>
    </rPh>
    <phoneticPr fontId="20"/>
  </si>
  <si>
    <t>　・改修単価（基準単価）　　　　　　全館無人改修　　建物名：</t>
    <rPh sb="2" eb="4">
      <t>カイシュウ</t>
    </rPh>
    <rPh sb="4" eb="6">
      <t>タンカ</t>
    </rPh>
    <rPh sb="7" eb="9">
      <t>キジュン</t>
    </rPh>
    <rPh sb="9" eb="11">
      <t>タンカ</t>
    </rPh>
    <rPh sb="18" eb="20">
      <t>ゼンカン</t>
    </rPh>
    <rPh sb="20" eb="22">
      <t>ムジン</t>
    </rPh>
    <rPh sb="22" eb="24">
      <t>カイシュウ</t>
    </rPh>
    <rPh sb="26" eb="28">
      <t>タテモノ</t>
    </rPh>
    <rPh sb="28" eb="29">
      <t>メイ</t>
    </rPh>
    <phoneticPr fontId="20"/>
  </si>
  <si>
    <t>　・改修単価（基準補正単価）　　　　執務並行改修　　建物名：</t>
    <rPh sb="2" eb="4">
      <t>カイシュウ</t>
    </rPh>
    <rPh sb="4" eb="6">
      <t>タンカ</t>
    </rPh>
    <rPh sb="7" eb="9">
      <t>キジュン</t>
    </rPh>
    <rPh sb="9" eb="11">
      <t>ホセイ</t>
    </rPh>
    <rPh sb="11" eb="13">
      <t>タンカ</t>
    </rPh>
    <rPh sb="18" eb="20">
      <t>シツム</t>
    </rPh>
    <rPh sb="20" eb="22">
      <t>ヘイコウ</t>
    </rPh>
    <rPh sb="22" eb="24">
      <t>カイシュウ</t>
    </rPh>
    <rPh sb="26" eb="28">
      <t>タテモノ</t>
    </rPh>
    <rPh sb="28" eb="29">
      <t>メイ</t>
    </rPh>
    <phoneticPr fontId="20"/>
  </si>
  <si>
    <t>　　　　　　範囲：</t>
    <rPh sb="6" eb="8">
      <t>ハンイ</t>
    </rPh>
    <phoneticPr fontId="20"/>
  </si>
  <si>
    <t>　３．見積単価</t>
    <phoneticPr fontId="6"/>
  </si>
  <si>
    <t>　４．見積内訳書の確認</t>
    <rPh sb="3" eb="5">
      <t>ミツモリ</t>
    </rPh>
    <rPh sb="5" eb="8">
      <t>ウチワケショ</t>
    </rPh>
    <rPh sb="9" eb="11">
      <t>カクニン</t>
    </rPh>
    <phoneticPr fontId="6"/>
  </si>
  <si>
    <t>　５．見積比較書</t>
    <rPh sb="3" eb="5">
      <t>ミツモリ</t>
    </rPh>
    <rPh sb="5" eb="7">
      <t>ヒカク</t>
    </rPh>
    <rPh sb="7" eb="8">
      <t>ショ</t>
    </rPh>
    <phoneticPr fontId="6"/>
  </si>
  <si>
    <t>確認</t>
    <rPh sb="0" eb="2">
      <t>カクニン</t>
    </rPh>
    <phoneticPr fontId="8"/>
  </si>
  <si>
    <t>　[ロープ式]</t>
    <phoneticPr fontId="6"/>
  </si>
  <si>
    <t>　[油圧式]</t>
    <phoneticPr fontId="6"/>
  </si>
  <si>
    <t>　[機械室レス形（ロープ式）]</t>
    <rPh sb="2" eb="5">
      <t>キカイシツ</t>
    </rPh>
    <rPh sb="7" eb="8">
      <t>ケイ</t>
    </rPh>
    <rPh sb="12" eb="13">
      <t>シキ</t>
    </rPh>
    <phoneticPr fontId="6"/>
  </si>
  <si>
    <t>　[住宅用]</t>
    <phoneticPr fontId="6"/>
  </si>
  <si>
    <t>機械室内機器</t>
    <rPh sb="0" eb="2">
      <t>キカイ</t>
    </rPh>
    <rPh sb="2" eb="4">
      <t>シツナイ</t>
    </rPh>
    <rPh sb="4" eb="6">
      <t>キキ</t>
    </rPh>
    <phoneticPr fontId="6"/>
  </si>
  <si>
    <t>図面・仕様書に示された仕様を確認し、計上したか。</t>
    <rPh sb="11" eb="13">
      <t>シヨウ</t>
    </rPh>
    <rPh sb="18" eb="20">
      <t>ケイジョウ</t>
    </rPh>
    <phoneticPr fontId="6"/>
  </si>
  <si>
    <t>　[油圧式]　　　</t>
    <phoneticPr fontId="6"/>
  </si>
  <si>
    <t>かご及びかご内機器</t>
    <rPh sb="2" eb="3">
      <t>オヨ</t>
    </rPh>
    <rPh sb="6" eb="7">
      <t>ナイ</t>
    </rPh>
    <rPh sb="7" eb="9">
      <t>キキ</t>
    </rPh>
    <phoneticPr fontId="6"/>
  </si>
  <si>
    <t>　かご、操作盤、インターホン</t>
    <rPh sb="4" eb="7">
      <t>ソウサバン</t>
    </rPh>
    <phoneticPr fontId="6"/>
  </si>
  <si>
    <t>乗場用機器</t>
    <rPh sb="0" eb="2">
      <t>ノリバ</t>
    </rPh>
    <rPh sb="2" eb="3">
      <t>ヨウ</t>
    </rPh>
    <rPh sb="3" eb="5">
      <t>キキ</t>
    </rPh>
    <phoneticPr fontId="6"/>
  </si>
  <si>
    <t>　乗場ボタン、乗場の戸、遮煙性能付戸、乗場位置表示器、三方枠、幕板、敷居</t>
    <rPh sb="1" eb="3">
      <t>ノリバ</t>
    </rPh>
    <rPh sb="7" eb="9">
      <t>ノリバ</t>
    </rPh>
    <rPh sb="10" eb="11">
      <t>ト</t>
    </rPh>
    <rPh sb="19" eb="20">
      <t>ノ</t>
    </rPh>
    <rPh sb="20" eb="21">
      <t>バ</t>
    </rPh>
    <rPh sb="21" eb="23">
      <t>イチ</t>
    </rPh>
    <rPh sb="23" eb="25">
      <t>ヒョウジ</t>
    </rPh>
    <rPh sb="25" eb="26">
      <t>ウツワ</t>
    </rPh>
    <rPh sb="27" eb="29">
      <t>サンポウ</t>
    </rPh>
    <rPh sb="29" eb="30">
      <t>ワク</t>
    </rPh>
    <rPh sb="31" eb="32">
      <t>マク</t>
    </rPh>
    <rPh sb="32" eb="33">
      <t>イタ</t>
    </rPh>
    <rPh sb="34" eb="36">
      <t>シキイ</t>
    </rPh>
    <phoneticPr fontId="6"/>
  </si>
  <si>
    <t>昇降路内機器</t>
    <rPh sb="0" eb="2">
      <t>ショウコウ</t>
    </rPh>
    <rPh sb="2" eb="3">
      <t>ロ</t>
    </rPh>
    <rPh sb="3" eb="4">
      <t>ナイ</t>
    </rPh>
    <rPh sb="4" eb="6">
      <t>キキ</t>
    </rPh>
    <phoneticPr fontId="6"/>
  </si>
  <si>
    <t>　レール、ロープ、つり合いおもり、安全装置、緩衝装置、中間ビーム</t>
    <rPh sb="11" eb="12">
      <t>ア</t>
    </rPh>
    <rPh sb="17" eb="19">
      <t>アンゼン</t>
    </rPh>
    <rPh sb="19" eb="21">
      <t>ソウチ</t>
    </rPh>
    <rPh sb="22" eb="24">
      <t>カンショウ</t>
    </rPh>
    <rPh sb="24" eb="26">
      <t>ソウチ</t>
    </rPh>
    <rPh sb="27" eb="29">
      <t>チュウカン</t>
    </rPh>
    <phoneticPr fontId="6"/>
  </si>
  <si>
    <t>監視盤</t>
    <rPh sb="0" eb="2">
      <t>カンシ</t>
    </rPh>
    <rPh sb="2" eb="3">
      <t>バン</t>
    </rPh>
    <phoneticPr fontId="6"/>
  </si>
  <si>
    <t>管制運転装置等</t>
    <rPh sb="0" eb="2">
      <t>カンセイ</t>
    </rPh>
    <rPh sb="2" eb="4">
      <t>ウンテン</t>
    </rPh>
    <rPh sb="4" eb="6">
      <t>ソウチ</t>
    </rPh>
    <rPh sb="6" eb="7">
      <t>トウ</t>
    </rPh>
    <phoneticPr fontId="6"/>
  </si>
  <si>
    <t>　[停電時自動着床装置]</t>
    <rPh sb="2" eb="4">
      <t>テイデン</t>
    </rPh>
    <rPh sb="4" eb="5">
      <t>ジ</t>
    </rPh>
    <rPh sb="5" eb="7">
      <t>ジドウ</t>
    </rPh>
    <rPh sb="7" eb="9">
      <t>チャクショウ</t>
    </rPh>
    <rPh sb="9" eb="11">
      <t>ソウチ</t>
    </rPh>
    <phoneticPr fontId="6"/>
  </si>
  <si>
    <t>　[地震時管制運転装置・地震感知器]</t>
    <rPh sb="2" eb="4">
      <t>ジシン</t>
    </rPh>
    <rPh sb="4" eb="5">
      <t>ジ</t>
    </rPh>
    <rPh sb="5" eb="7">
      <t>カンセイ</t>
    </rPh>
    <rPh sb="7" eb="9">
      <t>ウンテン</t>
    </rPh>
    <rPh sb="9" eb="11">
      <t>ソウチ</t>
    </rPh>
    <rPh sb="12" eb="14">
      <t>ジシン</t>
    </rPh>
    <rPh sb="14" eb="16">
      <t>カンチ</t>
    </rPh>
    <rPh sb="16" eb="17">
      <t>キ</t>
    </rPh>
    <phoneticPr fontId="6"/>
  </si>
  <si>
    <t>　[自家発管制運転装置]</t>
    <rPh sb="2" eb="4">
      <t>ジカ</t>
    </rPh>
    <rPh sb="4" eb="5">
      <t>ハツ</t>
    </rPh>
    <rPh sb="5" eb="7">
      <t>カンセイ</t>
    </rPh>
    <rPh sb="7" eb="9">
      <t>ウンテン</t>
    </rPh>
    <rPh sb="9" eb="11">
      <t>ソウチ</t>
    </rPh>
    <phoneticPr fontId="6"/>
  </si>
  <si>
    <t>　[火災時管制運転装置]</t>
    <rPh sb="2" eb="4">
      <t>カサイ</t>
    </rPh>
    <rPh sb="4" eb="5">
      <t>ジ</t>
    </rPh>
    <rPh sb="5" eb="7">
      <t>カンセイ</t>
    </rPh>
    <rPh sb="7" eb="9">
      <t>ウンテン</t>
    </rPh>
    <rPh sb="9" eb="11">
      <t>ソウチ</t>
    </rPh>
    <phoneticPr fontId="6"/>
  </si>
  <si>
    <t>図面・仕様書に示された事項を確認し、必要により計上したか。</t>
    <rPh sb="11" eb="13">
      <t>ジコウ</t>
    </rPh>
    <rPh sb="18" eb="20">
      <t>ヒツヨウ</t>
    </rPh>
    <rPh sb="23" eb="25">
      <t>ケイジョウ</t>
    </rPh>
    <phoneticPr fontId="6"/>
  </si>
  <si>
    <t>かご</t>
    <phoneticPr fontId="6"/>
  </si>
  <si>
    <t>出し入れ口機器</t>
    <rPh sb="0" eb="1">
      <t>ダ</t>
    </rPh>
    <rPh sb="2" eb="3">
      <t>イ</t>
    </rPh>
    <rPh sb="4" eb="5">
      <t>グチ</t>
    </rPh>
    <rPh sb="5" eb="7">
      <t>キキ</t>
    </rPh>
    <phoneticPr fontId="6"/>
  </si>
  <si>
    <t>　操作盤、出し入れ口戸、三方枠、敷居、インターホン</t>
    <rPh sb="1" eb="4">
      <t>ソウサバン</t>
    </rPh>
    <rPh sb="5" eb="6">
      <t>ダ</t>
    </rPh>
    <rPh sb="7" eb="8">
      <t>イ</t>
    </rPh>
    <rPh sb="9" eb="10">
      <t>グチ</t>
    </rPh>
    <rPh sb="10" eb="11">
      <t>ト</t>
    </rPh>
    <rPh sb="12" eb="14">
      <t>サンポウ</t>
    </rPh>
    <rPh sb="14" eb="15">
      <t>ワク</t>
    </rPh>
    <rPh sb="16" eb="18">
      <t>シキイ</t>
    </rPh>
    <phoneticPr fontId="6"/>
  </si>
  <si>
    <t>　レール、ロープ、つり合いおもり、安全装置</t>
    <rPh sb="11" eb="12">
      <t>ア</t>
    </rPh>
    <rPh sb="17" eb="19">
      <t>アンゼン</t>
    </rPh>
    <rPh sb="19" eb="21">
      <t>ソウチ</t>
    </rPh>
    <phoneticPr fontId="6"/>
  </si>
  <si>
    <t>１　昇降機（エレベータ）設備</t>
    <rPh sb="2" eb="5">
      <t>ショウコウキ</t>
    </rPh>
    <phoneticPr fontId="6"/>
  </si>
  <si>
    <t>２　小荷物専用昇降機設備</t>
    <rPh sb="2" eb="3">
      <t>ショウ</t>
    </rPh>
    <rPh sb="3" eb="5">
      <t>ニモツ</t>
    </rPh>
    <rPh sb="5" eb="7">
      <t>センヨウ</t>
    </rPh>
    <rPh sb="7" eb="10">
      <t>ショウコウキ</t>
    </rPh>
    <phoneticPr fontId="6"/>
  </si>
  <si>
    <t>〇昇降機設備チェックリスト(必要に応じて各チェックリストに添付のこと）</t>
    <rPh sb="1" eb="4">
      <t>ショウコウキ</t>
    </rPh>
    <rPh sb="4" eb="6">
      <t>セツビ</t>
    </rPh>
    <rPh sb="14" eb="16">
      <t>ヒツヨウ</t>
    </rPh>
    <rPh sb="17" eb="18">
      <t>オウ</t>
    </rPh>
    <rPh sb="20" eb="21">
      <t>カク</t>
    </rPh>
    <rPh sb="29" eb="31">
      <t>テンプ</t>
    </rPh>
    <phoneticPr fontId="6"/>
  </si>
  <si>
    <t>▼</t>
    <phoneticPr fontId="6"/>
  </si>
  <si>
    <t>見積内訳書の記載内容を確認したか。</t>
    <rPh sb="6" eb="8">
      <t>キサイ</t>
    </rPh>
    <rPh sb="8" eb="10">
      <t>ナイヨウ</t>
    </rPh>
    <rPh sb="11" eb="13">
      <t>カクニン</t>
    </rPh>
    <phoneticPr fontId="6"/>
  </si>
  <si>
    <t>・施工費を確認したか。
　搬入費、工事費、試験調整費等
（人工、労務費明細を確認する。）</t>
    <rPh sb="5" eb="7">
      <t>カクニン</t>
    </rPh>
    <rPh sb="15" eb="16">
      <t>ヒ</t>
    </rPh>
    <rPh sb="17" eb="20">
      <t>コウジヒ</t>
    </rPh>
    <rPh sb="19" eb="20">
      <t>ヒ</t>
    </rPh>
    <rPh sb="26" eb="27">
      <t>トウ</t>
    </rPh>
    <phoneticPr fontId="8"/>
  </si>
  <si>
    <t>　１．数量算出チェックリストに添付する場合、「仕」及び「数」にチェックを入れる。</t>
    <rPh sb="25" eb="26">
      <t>オヨ</t>
    </rPh>
    <phoneticPr fontId="6"/>
  </si>
  <si>
    <t>　２．積算数量調書チェックリストに添付する場合、「数」にチェックを入れる。</t>
    <phoneticPr fontId="6"/>
  </si>
  <si>
    <t>　３．単価資料等チェックリストに添付する場合、「単」にチェックを入れる。</t>
    <phoneticPr fontId="6"/>
  </si>
  <si>
    <t>チェック項目</t>
    <phoneticPr fontId="6"/>
  </si>
  <si>
    <t>▼</t>
    <phoneticPr fontId="6"/>
  </si>
  <si>
    <t>適用となる設計図書と基準類（適用年度）について確認したか。
設計図書
　・図面及び特記仕様書
　・現場説明書
　・図面及び現場説明書に対する質問回答
　・公共建築工事標準仕様書（機械設備工事編）（(年号）　　年版)
　・公共建築改修工事標準仕様書（機械設備工事編）（(年号）　　年版)
　・公共建築設備工事標準図（機械設備工事編）（(年号）　　年版)</t>
    <rPh sb="0" eb="2">
      <t>テキヨウ</t>
    </rPh>
    <rPh sb="5" eb="7">
      <t>セッケイ</t>
    </rPh>
    <rPh sb="7" eb="9">
      <t>トショ</t>
    </rPh>
    <rPh sb="10" eb="12">
      <t>キジュン</t>
    </rPh>
    <rPh sb="12" eb="13">
      <t>ルイ</t>
    </rPh>
    <rPh sb="14" eb="16">
      <t>テキヨウ</t>
    </rPh>
    <rPh sb="16" eb="18">
      <t>ネンド</t>
    </rPh>
    <rPh sb="23" eb="25">
      <t>カクニン</t>
    </rPh>
    <phoneticPr fontId="6"/>
  </si>
  <si>
    <t>工事概要</t>
    <rPh sb="0" eb="2">
      <t>コウジ</t>
    </rPh>
    <rPh sb="2" eb="4">
      <t>ガイヨウ</t>
    </rPh>
    <phoneticPr fontId="6"/>
  </si>
  <si>
    <t>工事概要（新設、既存改修、既存撤去後新設）を確認したか。</t>
    <rPh sb="0" eb="2">
      <t>コウジ</t>
    </rPh>
    <rPh sb="2" eb="4">
      <t>ガイヨウ</t>
    </rPh>
    <rPh sb="5" eb="7">
      <t>シンセツ</t>
    </rPh>
    <rPh sb="8" eb="10">
      <t>キゾン</t>
    </rPh>
    <rPh sb="10" eb="12">
      <t>カイシュウ</t>
    </rPh>
    <rPh sb="13" eb="15">
      <t>キゾン</t>
    </rPh>
    <rPh sb="15" eb="17">
      <t>テッキョ</t>
    </rPh>
    <rPh sb="17" eb="18">
      <t>ゴ</t>
    </rPh>
    <rPh sb="18" eb="20">
      <t>シンセツ</t>
    </rPh>
    <phoneticPr fontId="6"/>
  </si>
  <si>
    <t>型式及び機械室の有無</t>
    <rPh sb="0" eb="2">
      <t>カタシキ</t>
    </rPh>
    <rPh sb="2" eb="3">
      <t>オヨ</t>
    </rPh>
    <rPh sb="4" eb="7">
      <t>キカイシツ</t>
    </rPh>
    <rPh sb="8" eb="10">
      <t>ウム</t>
    </rPh>
    <phoneticPr fontId="6"/>
  </si>
  <si>
    <t>図面・仕様書に示された型式及び機械室の有無を確認したか。</t>
    <rPh sb="11" eb="13">
      <t>カタシキ</t>
    </rPh>
    <rPh sb="13" eb="14">
      <t>オヨ</t>
    </rPh>
    <rPh sb="15" eb="18">
      <t>キカイシツ</t>
    </rPh>
    <rPh sb="19" eb="21">
      <t>ウム</t>
    </rPh>
    <rPh sb="22" eb="24">
      <t>カクニン</t>
    </rPh>
    <phoneticPr fontId="6"/>
  </si>
  <si>
    <t>昇降行程及び停止階</t>
    <rPh sb="0" eb="2">
      <t>ショウコウ</t>
    </rPh>
    <rPh sb="2" eb="4">
      <t>コウテイ</t>
    </rPh>
    <rPh sb="4" eb="5">
      <t>オヨ</t>
    </rPh>
    <rPh sb="6" eb="8">
      <t>テイシ</t>
    </rPh>
    <rPh sb="8" eb="9">
      <t>カイ</t>
    </rPh>
    <phoneticPr fontId="6"/>
  </si>
  <si>
    <t>図面・仕様書に示された昇降行程及び停止階を確認したか。</t>
    <phoneticPr fontId="6"/>
  </si>
  <si>
    <t>かごの定格速度</t>
    <rPh sb="3" eb="5">
      <t>テイカク</t>
    </rPh>
    <rPh sb="5" eb="7">
      <t>ソクド</t>
    </rPh>
    <phoneticPr fontId="6"/>
  </si>
  <si>
    <t>図面・仕様書に示されたかごの定格速度を確認したか。</t>
    <phoneticPr fontId="6"/>
  </si>
  <si>
    <t>かごの積載量及び最大定員</t>
    <rPh sb="3" eb="6">
      <t>セキサイリョウ</t>
    </rPh>
    <rPh sb="6" eb="7">
      <t>オヨ</t>
    </rPh>
    <rPh sb="8" eb="10">
      <t>サイダイ</t>
    </rPh>
    <rPh sb="10" eb="12">
      <t>テイイン</t>
    </rPh>
    <phoneticPr fontId="6"/>
  </si>
  <si>
    <t>図面・仕様書に示されたかごの積載量及び最大定員を確認したか。</t>
    <phoneticPr fontId="6"/>
  </si>
  <si>
    <t>電気方式および電動機容量</t>
    <rPh sb="0" eb="2">
      <t>デンキ</t>
    </rPh>
    <rPh sb="2" eb="4">
      <t>ホウシキ</t>
    </rPh>
    <rPh sb="7" eb="10">
      <t>デンドウキ</t>
    </rPh>
    <rPh sb="10" eb="12">
      <t>ヨウリョウ</t>
    </rPh>
    <phoneticPr fontId="6"/>
  </si>
  <si>
    <t>電気方式（種別、相線、電圧）および電動機容量を確認したか。</t>
    <rPh sb="0" eb="2">
      <t>デンキ</t>
    </rPh>
    <rPh sb="17" eb="20">
      <t>デンドウキ</t>
    </rPh>
    <rPh sb="20" eb="22">
      <t>ヨウリョウ</t>
    </rPh>
    <rPh sb="23" eb="25">
      <t>カクニン</t>
    </rPh>
    <phoneticPr fontId="6"/>
  </si>
  <si>
    <t>方式</t>
    <phoneticPr fontId="6"/>
  </si>
  <si>
    <t>図面・仕様書に示された方式を確認したか。</t>
    <rPh sb="0" eb="2">
      <t>ズメン</t>
    </rPh>
    <rPh sb="11" eb="13">
      <t>ホウシキ</t>
    </rPh>
    <phoneticPr fontId="6"/>
  </si>
  <si>
    <t>種別</t>
    <phoneticPr fontId="6"/>
  </si>
  <si>
    <t>　[一般乗用]</t>
    <phoneticPr fontId="6"/>
  </si>
  <si>
    <t>　[寝台用]</t>
    <phoneticPr fontId="6"/>
  </si>
  <si>
    <t>　[人荷共用及び荷物用]</t>
    <phoneticPr fontId="6"/>
  </si>
  <si>
    <t>　巻上機、電動機、マシンビーム、制御盤</t>
    <phoneticPr fontId="6"/>
  </si>
  <si>
    <t>　油圧パワーユニット、油圧シリンダ、制御盤</t>
    <phoneticPr fontId="6"/>
  </si>
  <si>
    <t>乗場の遮煙措置</t>
    <rPh sb="0" eb="2">
      <t>ノリバ</t>
    </rPh>
    <rPh sb="3" eb="5">
      <t>シャエン</t>
    </rPh>
    <rPh sb="5" eb="7">
      <t>ソチ</t>
    </rPh>
    <phoneticPr fontId="6"/>
  </si>
  <si>
    <t>図面・仕様書に示された仕様（乗場扉、スクリーン）を確認し、計上したか。</t>
    <rPh sb="14" eb="16">
      <t>ノリバ</t>
    </rPh>
    <rPh sb="16" eb="17">
      <t>トビラ</t>
    </rPh>
    <phoneticPr fontId="6"/>
  </si>
  <si>
    <t>　[戸開走保護装置]</t>
    <rPh sb="3" eb="4">
      <t>ヒラ</t>
    </rPh>
    <rPh sb="4" eb="5">
      <t>ハシ</t>
    </rPh>
    <phoneticPr fontId="6"/>
  </si>
  <si>
    <t>搬入費・工事費</t>
    <phoneticPr fontId="6"/>
  </si>
  <si>
    <t>見積内訳書</t>
    <phoneticPr fontId="6"/>
  </si>
  <si>
    <t>チェック項目</t>
    <phoneticPr fontId="6"/>
  </si>
  <si>
    <t>　巻上機、マシンビーム、制御盤</t>
    <phoneticPr fontId="6"/>
  </si>
  <si>
    <t>　かご</t>
    <phoneticPr fontId="6"/>
  </si>
  <si>
    <t>搬入費・工事費</t>
    <phoneticPr fontId="6"/>
  </si>
  <si>
    <t>見積内訳書</t>
    <phoneticPr fontId="6"/>
  </si>
  <si>
    <t>・諸経費及び法定福利費を確認したか。
　諸経費及び法定福利費とは、施工費に対するものとする。
（適用範囲を確認する。）</t>
    <phoneticPr fontId="6"/>
  </si>
  <si>
    <t>公共工事設計労務単価は、最新の単価で職種が適切なものを採用したか。</t>
    <rPh sb="0" eb="2">
      <t>コウキョウ</t>
    </rPh>
    <rPh sb="2" eb="4">
      <t>コウジ</t>
    </rPh>
    <rPh sb="4" eb="6">
      <t>セッケイ</t>
    </rPh>
    <rPh sb="6" eb="8">
      <t>ロウム</t>
    </rPh>
    <rPh sb="8" eb="10">
      <t>タンカ</t>
    </rPh>
    <rPh sb="12" eb="14">
      <t>サイシン</t>
    </rPh>
    <rPh sb="15" eb="17">
      <t>タンカ</t>
    </rPh>
    <rPh sb="18" eb="20">
      <t>ショクシュ</t>
    </rPh>
    <rPh sb="21" eb="23">
      <t>テキセツ</t>
    </rPh>
    <rPh sb="27" eb="29">
      <t>サイヨウ</t>
    </rPh>
    <phoneticPr fontId="21"/>
  </si>
  <si>
    <t>適用となる設計図書と基準類（適用年度）について確認したか。
設計図書
　・図面及び特記仕様書
　・（現場説明書）
　・（図面及び現場説明書に対する質問回答）
　・公共建築工事標準仕様書（機械設備工事編）（(年号）　　年版)
　・公共建築改修工事標準仕様書（機械設備工事編）（(年号）　　年版)
　・公共建築設備工事標準図（機械設備工事編）（(年号）　　年版)</t>
    <rPh sb="0" eb="2">
      <t>テキヨウ</t>
    </rPh>
    <rPh sb="5" eb="7">
      <t>セッケイ</t>
    </rPh>
    <rPh sb="7" eb="9">
      <t>トショ</t>
    </rPh>
    <rPh sb="10" eb="12">
      <t>キジュン</t>
    </rPh>
    <rPh sb="12" eb="13">
      <t>ルイ</t>
    </rPh>
    <rPh sb="14" eb="16">
      <t>テキヨウ</t>
    </rPh>
    <rPh sb="16" eb="18">
      <t>ネンド</t>
    </rPh>
    <rPh sb="23" eb="25">
      <t>カクニン</t>
    </rPh>
    <phoneticPr fontId="6"/>
  </si>
  <si>
    <t>図面・仕様書に示された種別（一般乗用、寝台用、人荷共用及び荷物用、住宅用、その他）を確認したか。</t>
    <rPh sb="14" eb="16">
      <t>イッパン</t>
    </rPh>
    <rPh sb="16" eb="18">
      <t>ジョウヨウ</t>
    </rPh>
    <rPh sb="19" eb="21">
      <t>シンダイ</t>
    </rPh>
    <rPh sb="21" eb="22">
      <t>ヨウ</t>
    </rPh>
    <rPh sb="23" eb="24">
      <t>ジン</t>
    </rPh>
    <rPh sb="25" eb="27">
      <t>キョウヨウ</t>
    </rPh>
    <rPh sb="27" eb="28">
      <t>オヨ</t>
    </rPh>
    <rPh sb="29" eb="32">
      <t>ニモツヨウ</t>
    </rPh>
    <rPh sb="33" eb="36">
      <t>ジュウタクヨウ</t>
    </rPh>
    <rPh sb="39" eb="40">
      <t>ホカ</t>
    </rPh>
    <phoneticPr fontId="6"/>
  </si>
  <si>
    <t>耐震措置、耐震クラス</t>
    <rPh sb="0" eb="2">
      <t>タイシン</t>
    </rPh>
    <rPh sb="2" eb="4">
      <t>ソチ</t>
    </rPh>
    <rPh sb="5" eb="7">
      <t>タイシン</t>
    </rPh>
    <phoneticPr fontId="6"/>
  </si>
  <si>
    <t>搬入費・工事費を計上したか。</t>
    <rPh sb="8" eb="10">
      <t>ケイジョウ</t>
    </rPh>
    <phoneticPr fontId="6"/>
  </si>
  <si>
    <t>・図面・仕様書と見積内訳書の仕様は整合がとれているか。</t>
    <phoneticPr fontId="6"/>
  </si>
  <si>
    <t>・図面・仕様書と見積内訳書の仕様は整合がとれているか。</t>
    <phoneticPr fontId="6"/>
  </si>
  <si>
    <t>　　・県土整備局建築工事積算要綱((年号)　　年版)</t>
    <phoneticPr fontId="6"/>
  </si>
  <si>
    <t>　　・県土整備局建築工事積算要領((年号)　　年　月版)</t>
    <phoneticPr fontId="6"/>
  </si>
  <si>
    <t>　県土整備局建築工事積算要綱((年号)　　年版)</t>
    <phoneticPr fontId="6"/>
  </si>
  <si>
    <t>　県土整備局建築工事積算要領((年号)　　年　月版)</t>
    <phoneticPr fontId="6"/>
  </si>
  <si>
    <t>共通事項</t>
    <phoneticPr fontId="6"/>
  </si>
  <si>
    <t>見積書の社名、担当者名、連絡先等が記載されているか確認したか。</t>
    <phoneticPr fontId="21"/>
  </si>
  <si>
    <t>車いす使用者、視覚障害者、聴覚障害者等装置</t>
    <rPh sb="0" eb="1">
      <t>クルマ</t>
    </rPh>
    <rPh sb="3" eb="6">
      <t>シヨウシャ</t>
    </rPh>
    <rPh sb="7" eb="9">
      <t>シカク</t>
    </rPh>
    <rPh sb="9" eb="11">
      <t>ショウガイ</t>
    </rPh>
    <rPh sb="11" eb="12">
      <t>シャ</t>
    </rPh>
    <rPh sb="13" eb="15">
      <t>チョウカク</t>
    </rPh>
    <rPh sb="15" eb="17">
      <t>ショウガイ</t>
    </rPh>
    <rPh sb="17" eb="18">
      <t>シャ</t>
    </rPh>
    <rPh sb="18" eb="19">
      <t>トウ</t>
    </rPh>
    <rPh sb="19" eb="21">
      <t>ソウチ</t>
    </rPh>
    <phoneticPr fontId="6"/>
  </si>
  <si>
    <t>※表紙について、令和3年6月30日以前は「見積書の社名、社印、担当社印、連絡先等が記載されているか確認したか。」と読み替える。</t>
    <phoneticPr fontId="6"/>
  </si>
  <si>
    <t>数量算出チェックリスト【電気・昇降機設備工事編】</t>
    <rPh sb="0" eb="2">
      <t>スウリョウ</t>
    </rPh>
    <rPh sb="2" eb="4">
      <t>サンシュツ</t>
    </rPh>
    <phoneticPr fontId="6"/>
  </si>
  <si>
    <r>
      <t>　[その他</t>
    </r>
    <r>
      <rPr>
        <strike/>
        <u/>
        <sz val="8"/>
        <rFont val="ＭＳ 明朝"/>
        <family val="1"/>
        <charset val="128"/>
      </rPr>
      <t>　　　　　　　　　　　　　　　　　　　　　　　　　</t>
    </r>
    <r>
      <rPr>
        <strike/>
        <sz val="8"/>
        <rFont val="ＭＳ 明朝"/>
        <family val="1"/>
        <charset val="128"/>
      </rPr>
      <t>]</t>
    </r>
    <rPh sb="4" eb="5">
      <t>タ</t>
    </rPh>
    <phoneticPr fontId="6"/>
  </si>
  <si>
    <r>
      <t>　[その他</t>
    </r>
    <r>
      <rPr>
        <u/>
        <sz val="8"/>
        <rFont val="ＭＳ 明朝"/>
        <family val="1"/>
        <charset val="128"/>
      </rPr>
      <t>　　　　　　　　　　　　　　　　　　　　　　　　　</t>
    </r>
    <r>
      <rPr>
        <sz val="8"/>
        <rFont val="ＭＳ 明朝"/>
        <family val="1"/>
        <charset val="128"/>
      </rPr>
      <t>]</t>
    </r>
    <phoneticPr fontId="6"/>
  </si>
  <si>
    <r>
      <t>　[耐震クラス</t>
    </r>
    <r>
      <rPr>
        <u/>
        <sz val="8"/>
        <rFont val="ＭＳ 明朝"/>
        <family val="1"/>
        <charset val="128"/>
      </rPr>
      <t>　　　　　　　　　　　</t>
    </r>
    <r>
      <rPr>
        <sz val="8"/>
        <rFont val="ＭＳ 明朝"/>
        <family val="1"/>
        <charset val="128"/>
      </rPr>
      <t>]</t>
    </r>
    <rPh sb="2" eb="4">
      <t>タイシン</t>
    </rPh>
    <phoneticPr fontId="6"/>
  </si>
  <si>
    <t>　公共建築工事標準単価積算基準　（(年号）　　年版）（以下「単価基準」という。）</t>
    <rPh sb="27" eb="29">
      <t>イカ</t>
    </rPh>
    <rPh sb="30" eb="32">
      <t>タンカ</t>
    </rPh>
    <rPh sb="32" eb="34">
      <t>キジュン</t>
    </rPh>
    <phoneticPr fontId="21"/>
  </si>
  <si>
    <t>　公共建築工事内訳書標準書式（設備工事編）　（(年号）　　年版）（以下「内訳書標準書式」という。）</t>
    <rPh sb="15" eb="17">
      <t>セツビ</t>
    </rPh>
    <rPh sb="17" eb="19">
      <t>コウジ</t>
    </rPh>
    <rPh sb="36" eb="39">
      <t>ウチワケショ</t>
    </rPh>
    <rPh sb="39" eb="41">
      <t>ヒョウジュン</t>
    </rPh>
    <rPh sb="41" eb="43">
      <t>ショシキ</t>
    </rPh>
    <phoneticPr fontId="19"/>
  </si>
  <si>
    <t>　公共建築工事見積標準書式（設備工事編）　（(年号）　　年版）（以下「見積標準書式」という。）</t>
    <rPh sb="14" eb="16">
      <t>セツビ</t>
    </rPh>
    <rPh sb="35" eb="37">
      <t>ミツモ</t>
    </rPh>
    <rPh sb="37" eb="39">
      <t>ヒョウジュン</t>
    </rPh>
    <rPh sb="39" eb="41">
      <t>ショシキ</t>
    </rPh>
    <phoneticPr fontId="21"/>
  </si>
  <si>
    <t>　公共建築工事積算基準等資料　（(年号）　　年版）（以下「基準等資料」という。）</t>
    <rPh sb="7" eb="9">
      <t>セキサン</t>
    </rPh>
    <rPh sb="9" eb="12">
      <t>キジュントウ</t>
    </rPh>
    <rPh sb="12" eb="14">
      <t>シリョウ</t>
    </rPh>
    <rPh sb="29" eb="32">
      <t>キジュントウ</t>
    </rPh>
    <rPh sb="32" eb="34">
      <t>シリョウ</t>
    </rPh>
    <phoneticPr fontId="21"/>
  </si>
  <si>
    <t>　・工期：(年号）　　年　　月　　日　　（始期：(年号）　　年　　月　　日）</t>
    <rPh sb="2" eb="4">
      <t>コウキ</t>
    </rPh>
    <rPh sb="11" eb="12">
      <t>ネン</t>
    </rPh>
    <rPh sb="14" eb="15">
      <t>ガツ</t>
    </rPh>
    <rPh sb="17" eb="18">
      <t>ニチ</t>
    </rPh>
    <rPh sb="21" eb="23">
      <t>シキ</t>
    </rPh>
    <phoneticPr fontId="21"/>
  </si>
  <si>
    <t>　・有り　　工期： (年号）　 年　　月　　日　</t>
    <rPh sb="2" eb="3">
      <t>ア</t>
    </rPh>
    <rPh sb="6" eb="8">
      <t>コウキ</t>
    </rPh>
    <rPh sb="16" eb="17">
      <t>ネン</t>
    </rPh>
    <rPh sb="19" eb="20">
      <t>ツキ</t>
    </rPh>
    <rPh sb="22" eb="23">
      <t>ヒ</t>
    </rPh>
    <phoneticPr fontId="20"/>
  </si>
  <si>
    <r>
      <t>公告等</t>
    </r>
    <r>
      <rPr>
        <vertAlign val="superscript"/>
        <sz val="8"/>
        <rFont val="ＭＳ 明朝"/>
        <family val="1"/>
        <charset val="128"/>
      </rPr>
      <t>※２</t>
    </r>
    <r>
      <rPr>
        <sz val="8"/>
        <rFont val="ＭＳ 明朝"/>
        <family val="1"/>
        <charset val="128"/>
      </rPr>
      <t>の図面において(発注しない)別途工事部分があるか確認したか。</t>
    </r>
    <rPh sb="0" eb="2">
      <t>コウコク</t>
    </rPh>
    <rPh sb="2" eb="3">
      <t>トウ</t>
    </rPh>
    <rPh sb="6" eb="8">
      <t>ズメン</t>
    </rPh>
    <rPh sb="13" eb="15">
      <t>ハッチュウ</t>
    </rPh>
    <rPh sb="19" eb="21">
      <t>ベット</t>
    </rPh>
    <rPh sb="21" eb="23">
      <t>コウジ</t>
    </rPh>
    <rPh sb="23" eb="25">
      <t>ブブン</t>
    </rPh>
    <rPh sb="29" eb="31">
      <t>カクニン</t>
    </rPh>
    <phoneticPr fontId="20"/>
  </si>
  <si>
    <t>※１　設計図書：質問回答書、現場説明書、特記仕様書、図面及び標準仕様書</t>
    <rPh sb="3" eb="5">
      <t>セッケイ</t>
    </rPh>
    <rPh sb="5" eb="7">
      <t>トショ</t>
    </rPh>
    <rPh sb="8" eb="10">
      <t>シツモン</t>
    </rPh>
    <rPh sb="10" eb="13">
      <t>カイトウショ</t>
    </rPh>
    <rPh sb="14" eb="16">
      <t>ゲンバ</t>
    </rPh>
    <rPh sb="16" eb="19">
      <t>セツメイショ</t>
    </rPh>
    <rPh sb="20" eb="22">
      <t>トッキ</t>
    </rPh>
    <rPh sb="22" eb="25">
      <t>シヨウショ</t>
    </rPh>
    <rPh sb="26" eb="28">
      <t>ズメン</t>
    </rPh>
    <rPh sb="28" eb="29">
      <t>オヨ</t>
    </rPh>
    <rPh sb="30" eb="32">
      <t>ヒョウジュン</t>
    </rPh>
    <rPh sb="32" eb="35">
      <t>シヨウショ</t>
    </rPh>
    <phoneticPr fontId="21"/>
  </si>
  <si>
    <t>※２　公告等：入札公告、指名通知、見積依頼又は技術資料提出依頼</t>
    <rPh sb="3" eb="5">
      <t>コウコク</t>
    </rPh>
    <rPh sb="5" eb="6">
      <t>トウ</t>
    </rPh>
    <phoneticPr fontId="21"/>
  </si>
  <si>
    <t>標準単価表等の単価は最新版を、物価資料に掲載の単価は入札日直近の該当地区の最新単価を採用したか。</t>
    <rPh sb="23" eb="25">
      <t>タンカ</t>
    </rPh>
    <rPh sb="26" eb="29">
      <t>ニュウサツビ</t>
    </rPh>
    <rPh sb="29" eb="31">
      <t>チョッキン</t>
    </rPh>
    <rPh sb="32" eb="34">
      <t>ガイトウ</t>
    </rPh>
    <rPh sb="34" eb="36">
      <t>チク</t>
    </rPh>
    <rPh sb="37" eb="39">
      <t>サイシン</t>
    </rPh>
    <rPh sb="39" eb="41">
      <t>タンカ</t>
    </rPh>
    <rPh sb="42" eb="44">
      <t>サイヨウ</t>
    </rPh>
    <phoneticPr fontId="21"/>
  </si>
  <si>
    <r>
      <t>複数社の見積書は整っているか。</t>
    </r>
    <r>
      <rPr>
        <strike/>
        <sz val="10"/>
        <rFont val="HGPｺﾞｼｯｸM"/>
        <family val="3"/>
        <charset val="128"/>
      </rPr>
      <t/>
    </r>
    <phoneticPr fontId="21"/>
  </si>
  <si>
    <t>単価資料等チェックリスト【電気・昇降機設備工事編】</t>
    <rPh sb="0" eb="2">
      <t>タンカ</t>
    </rPh>
    <rPh sb="2" eb="5">
      <t>シリョウナド</t>
    </rPh>
    <phoneticPr fontId="6"/>
  </si>
  <si>
    <t>適用となる基準類（適用年度）について確認したか。
　　・公共建築工事内訳書標準書式（設備工事編）　（(年号）　　年版）</t>
    <rPh sb="0" eb="2">
      <t>テキヨウ</t>
    </rPh>
    <rPh sb="5" eb="7">
      <t>キジュン</t>
    </rPh>
    <rPh sb="7" eb="8">
      <t>ルイ</t>
    </rPh>
    <rPh sb="9" eb="11">
      <t>テキヨウ</t>
    </rPh>
    <rPh sb="11" eb="13">
      <t>ネンド</t>
    </rPh>
    <rPh sb="18" eb="20">
      <t>カクニン</t>
    </rPh>
    <rPh sb="42" eb="44">
      <t>セツビ</t>
    </rPh>
    <rPh sb="44" eb="46">
      <t>コウジ</t>
    </rPh>
    <phoneticPr fontId="20"/>
  </si>
  <si>
    <t>積算数量調書チェックリスト【電気・昇降機設備工事編】</t>
    <rPh sb="0" eb="2">
      <t>セキサン</t>
    </rPh>
    <rPh sb="2" eb="4">
      <t>スウリョウ</t>
    </rPh>
    <rPh sb="4" eb="6">
      <t>チョウショ</t>
    </rPh>
    <phoneticPr fontId="6"/>
  </si>
  <si>
    <t>主要な構成に従い、中科目として区分したか。ただし、工事内容等により区分する必要がない場合は省略したか。</t>
    <rPh sb="0" eb="2">
      <t>シュヨウ</t>
    </rPh>
    <rPh sb="3" eb="5">
      <t>コウセイ</t>
    </rPh>
    <rPh sb="6" eb="7">
      <t>シタガ</t>
    </rPh>
    <rPh sb="9" eb="12">
      <t>チュウカモク</t>
    </rPh>
    <rPh sb="15" eb="17">
      <t>クブン</t>
    </rPh>
    <phoneticPr fontId="6"/>
  </si>
  <si>
    <t>　　・公共建築工事標準仕様書（電気設備工事編）（(年号）　　年版)</t>
    <phoneticPr fontId="19"/>
  </si>
  <si>
    <t>　　・公共建築改修工事標準仕様書（電気設備工事編）（(年号）　　年版)</t>
    <rPh sb="7" eb="9">
      <t>カイシュウ</t>
    </rPh>
    <phoneticPr fontId="19"/>
  </si>
  <si>
    <t>　　・公共建築設備工事標準図（電気設備工事編）（(年号）　　年版)</t>
    <phoneticPr fontId="20"/>
  </si>
  <si>
    <t>　　・公共建築工事積算基準　（(年号）　　年版）</t>
    <phoneticPr fontId="6"/>
  </si>
  <si>
    <t>　　・公共建築工事標準単価積算基準　（(年号）　　年版）</t>
    <phoneticPr fontId="6"/>
  </si>
  <si>
    <t>　　・公共建築設備数量積算基準　（(年号）　　年版）</t>
    <rPh sb="7" eb="9">
      <t>セツビ</t>
    </rPh>
    <phoneticPr fontId="21"/>
  </si>
  <si>
    <t>　　・公共建築工事内訳書標準書式（設備工事編）　（(年号）　　年版）</t>
    <rPh sb="17" eb="19">
      <t>セツビ</t>
    </rPh>
    <rPh sb="19" eb="21">
      <t>コウジ</t>
    </rPh>
    <phoneticPr fontId="19"/>
  </si>
  <si>
    <t>　　・公共建築工事見積書標準書式（設備工事編）　（(年号）　　年版）</t>
    <rPh sb="17" eb="19">
      <t>セツビ</t>
    </rPh>
    <phoneticPr fontId="21"/>
  </si>
  <si>
    <t>　　・公共建築工事積算基準等資料　（(年号）　　年版）</t>
    <rPh sb="3" eb="5">
      <t>コウキョウ</t>
    </rPh>
    <rPh sb="5" eb="7">
      <t>ケンチク</t>
    </rPh>
    <rPh sb="7" eb="9">
      <t>コウジ</t>
    </rPh>
    <rPh sb="9" eb="11">
      <t>セキサン</t>
    </rPh>
    <rPh sb="11" eb="13">
      <t>キジュン</t>
    </rPh>
    <rPh sb="13" eb="14">
      <t>トウ</t>
    </rPh>
    <rPh sb="14" eb="16">
      <t>シリョウ</t>
    </rPh>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quot;-&quot;"/>
  </numFmts>
  <fonts count="38">
    <font>
      <sz val="11"/>
      <name val="ＭＳ ゴシック"/>
      <family val="3"/>
      <charset val="128"/>
    </font>
    <font>
      <sz val="12"/>
      <color theme="1"/>
      <name val="ＭＳ 明朝"/>
      <family val="2"/>
      <charset val="128"/>
    </font>
    <font>
      <sz val="11"/>
      <name val="ＭＳ ゴシック"/>
      <family val="3"/>
      <charset val="128"/>
    </font>
    <font>
      <b/>
      <sz val="10.5"/>
      <name val="ＭＳ ゴシック"/>
      <family val="3"/>
      <charset val="128"/>
    </font>
    <font>
      <sz val="10.5"/>
      <name val="ＭＳ ゴシック"/>
      <family val="3"/>
      <charset val="128"/>
    </font>
    <font>
      <sz val="12"/>
      <name val="ＭＳ ゴシック"/>
      <family val="3"/>
      <charset val="128"/>
    </font>
    <font>
      <sz val="6"/>
      <name val="ＭＳ ゴシック"/>
      <family val="3"/>
      <charset val="128"/>
    </font>
    <font>
      <sz val="6"/>
      <name val="ＭＳ Ｐ明朝"/>
      <family val="1"/>
      <charset val="128"/>
    </font>
    <font>
      <sz val="6"/>
      <name val="ＭＳ Ｐゴシック"/>
      <family val="3"/>
      <charset val="128"/>
    </font>
    <font>
      <sz val="10"/>
      <color indexed="8"/>
      <name val="Arial"/>
      <family val="2"/>
    </font>
    <font>
      <b/>
      <sz val="12"/>
      <name val="Arial"/>
      <family val="2"/>
    </font>
    <font>
      <sz val="10"/>
      <name val="Arial"/>
      <family val="2"/>
    </font>
    <font>
      <u/>
      <sz val="9"/>
      <color indexed="12"/>
      <name val="ＭＳ 明朝"/>
      <family val="1"/>
      <charset val="128"/>
    </font>
    <font>
      <sz val="11"/>
      <name val="ＭＳ Ｐゴシック"/>
      <family val="3"/>
      <charset val="128"/>
    </font>
    <font>
      <sz val="9"/>
      <name val="ＭＳ Ｐゴシック"/>
      <family val="3"/>
      <charset val="128"/>
    </font>
    <font>
      <sz val="12"/>
      <name val="ＭＳ 明朝"/>
      <family val="1"/>
      <charset val="128"/>
    </font>
    <font>
      <sz val="14"/>
      <name val="ＭＳ 明朝"/>
      <family val="1"/>
      <charset val="128"/>
    </font>
    <font>
      <b/>
      <sz val="16"/>
      <name val="ＭＳ ゴシック"/>
      <family val="3"/>
      <charset val="128"/>
    </font>
    <font>
      <b/>
      <sz val="12"/>
      <name val="ＭＳ ゴシック"/>
      <family val="3"/>
      <charset val="128"/>
    </font>
    <font>
      <sz val="18"/>
      <color theme="3"/>
      <name val="ＭＳ Ｐゴシック"/>
      <family val="2"/>
      <charset val="128"/>
      <scheme val="major"/>
    </font>
    <font>
      <sz val="11"/>
      <color rgb="FF9C0006"/>
      <name val="ＭＳ Ｐゴシック"/>
      <family val="2"/>
      <charset val="128"/>
      <scheme val="minor"/>
    </font>
    <font>
      <sz val="6"/>
      <name val="ＭＳ Ｐゴシック"/>
      <family val="2"/>
      <charset val="128"/>
      <scheme val="minor"/>
    </font>
    <font>
      <strike/>
      <sz val="10"/>
      <name val="HGPｺﾞｼｯｸM"/>
      <family val="3"/>
      <charset val="128"/>
    </font>
    <font>
      <sz val="6"/>
      <name val="ＭＳ 明朝"/>
      <family val="1"/>
      <charset val="128"/>
    </font>
    <font>
      <sz val="8"/>
      <name val="ＭＳ 明朝"/>
      <family val="1"/>
      <charset val="128"/>
    </font>
    <font>
      <sz val="8"/>
      <name val="ＭＳ ゴシック"/>
      <family val="3"/>
      <charset val="128"/>
    </font>
    <font>
      <sz val="11"/>
      <name val="ＭＳ 明朝"/>
      <family val="1"/>
      <charset val="128"/>
    </font>
    <font>
      <sz val="22"/>
      <name val="ＭＳ ゴシック"/>
      <family val="3"/>
      <charset val="128"/>
    </font>
    <font>
      <b/>
      <sz val="14"/>
      <name val="ＭＳ ゴシック"/>
      <family val="3"/>
      <charset val="128"/>
    </font>
    <font>
      <sz val="9"/>
      <name val="ＭＳ ゴシック"/>
      <family val="3"/>
      <charset val="128"/>
    </font>
    <font>
      <strike/>
      <sz val="8"/>
      <name val="ＭＳ ゴシック"/>
      <family val="3"/>
      <charset val="128"/>
    </font>
    <font>
      <strike/>
      <sz val="8"/>
      <name val="ＭＳ 明朝"/>
      <family val="1"/>
      <charset val="128"/>
    </font>
    <font>
      <b/>
      <sz val="8"/>
      <name val="ＭＳ ゴシック"/>
      <family val="3"/>
      <charset val="128"/>
    </font>
    <font>
      <strike/>
      <u/>
      <sz val="8"/>
      <name val="ＭＳ 明朝"/>
      <family val="1"/>
      <charset val="128"/>
    </font>
    <font>
      <u/>
      <sz val="8"/>
      <name val="ＭＳ 明朝"/>
      <family val="1"/>
      <charset val="128"/>
    </font>
    <font>
      <vertAlign val="superscript"/>
      <sz val="8"/>
      <name val="ＭＳ 明朝"/>
      <family val="1"/>
      <charset val="128"/>
    </font>
    <font>
      <strike/>
      <sz val="11"/>
      <name val="ＭＳ ゴシック"/>
      <family val="3"/>
      <charset val="128"/>
    </font>
    <font>
      <sz val="9"/>
      <name val="ＭＳ 明朝"/>
      <family val="1"/>
      <charset val="128"/>
    </font>
  </fonts>
  <fills count="9">
    <fill>
      <patternFill patternType="none"/>
    </fill>
    <fill>
      <patternFill patternType="gray125"/>
    </fill>
    <fill>
      <patternFill patternType="solid">
        <fgColor theme="8" tint="0.79998168889431442"/>
        <bgColor indexed="64"/>
      </patternFill>
    </fill>
    <fill>
      <patternFill patternType="solid">
        <fgColor theme="0" tint="-0.34998626667073579"/>
        <bgColor indexed="64"/>
      </patternFill>
    </fill>
    <fill>
      <patternFill patternType="solid">
        <fgColor rgb="FFA6A6A6"/>
        <bgColor indexed="64"/>
      </patternFill>
    </fill>
    <fill>
      <patternFill patternType="solid">
        <fgColor theme="0"/>
        <bgColor indexed="64"/>
      </patternFill>
    </fill>
    <fill>
      <patternFill patternType="solid">
        <fgColor rgb="FFFF0000"/>
        <bgColor indexed="64"/>
      </patternFill>
    </fill>
    <fill>
      <patternFill patternType="solid">
        <fgColor rgb="FFCCECFF"/>
        <bgColor indexed="64"/>
      </patternFill>
    </fill>
    <fill>
      <patternFill patternType="solid">
        <fgColor theme="0" tint="-0.249977111117893"/>
        <bgColor indexed="64"/>
      </patternFill>
    </fill>
  </fills>
  <borders count="21">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style="thin">
        <color indexed="64"/>
      </left>
      <right style="thin">
        <color indexed="64"/>
      </right>
      <top/>
      <bottom/>
      <diagonal/>
    </border>
    <border>
      <left/>
      <right/>
      <top style="dotted">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hair">
        <color auto="1"/>
      </left>
      <right/>
      <top style="hair">
        <color auto="1"/>
      </top>
      <bottom style="hair">
        <color auto="1"/>
      </bottom>
      <diagonal/>
    </border>
  </borders>
  <cellStyleXfs count="14">
    <xf numFmtId="0" fontId="0" fillId="0" borderId="0">
      <alignment vertical="center"/>
    </xf>
    <xf numFmtId="176" fontId="9" fillId="0" borderId="0" applyFill="0" applyBorder="0" applyAlignment="0"/>
    <xf numFmtId="0" fontId="10" fillId="0" borderId="1" applyNumberFormat="0" applyAlignment="0" applyProtection="0">
      <alignment horizontal="left" vertical="center"/>
    </xf>
    <xf numFmtId="0" fontId="10" fillId="0" borderId="2">
      <alignment horizontal="left" vertical="center"/>
    </xf>
    <xf numFmtId="0" fontId="11" fillId="0" borderId="0"/>
    <xf numFmtId="0" fontId="12" fillId="0" borderId="0" applyNumberFormat="0" applyFill="0" applyBorder="0" applyAlignment="0" applyProtection="0">
      <alignment vertical="top"/>
      <protection locked="0"/>
    </xf>
    <xf numFmtId="0" fontId="13" fillId="0" borderId="0"/>
    <xf numFmtId="0" fontId="14" fillId="0" borderId="0"/>
    <xf numFmtId="0" fontId="15" fillId="0" borderId="0"/>
    <xf numFmtId="0" fontId="13" fillId="0" borderId="0"/>
    <xf numFmtId="0" fontId="16" fillId="0" borderId="0"/>
    <xf numFmtId="0" fontId="13" fillId="0" borderId="0"/>
    <xf numFmtId="0" fontId="26" fillId="0" borderId="0">
      <alignment vertical="center"/>
    </xf>
    <xf numFmtId="0" fontId="1" fillId="0" borderId="0">
      <alignment vertical="center"/>
    </xf>
  </cellStyleXfs>
  <cellXfs count="309">
    <xf numFmtId="0" fontId="0" fillId="0" borderId="0" xfId="0">
      <alignment vertical="center"/>
    </xf>
    <xf numFmtId="0" fontId="3" fillId="0" borderId="0" xfId="11" applyFont="1" applyAlignment="1">
      <alignment horizontal="justify" vertical="center"/>
    </xf>
    <xf numFmtId="0" fontId="2" fillId="0" borderId="0" xfId="11" applyFont="1" applyAlignment="1">
      <alignment vertical="center"/>
    </xf>
    <xf numFmtId="0" fontId="4" fillId="0" borderId="0" xfId="11" applyFont="1" applyAlignment="1">
      <alignment horizontal="justify" vertical="center"/>
    </xf>
    <xf numFmtId="0" fontId="4" fillId="0" borderId="0" xfId="11" applyFont="1" applyAlignment="1">
      <alignment vertical="center"/>
    </xf>
    <xf numFmtId="0" fontId="2" fillId="0" borderId="4" xfId="11" applyFont="1" applyBorder="1" applyAlignment="1">
      <alignment vertical="center"/>
    </xf>
    <xf numFmtId="0" fontId="2" fillId="0" borderId="0" xfId="11" applyFont="1" applyBorder="1" applyAlignment="1">
      <alignment vertical="center"/>
    </xf>
    <xf numFmtId="0" fontId="5" fillId="0" borderId="0" xfId="11" applyFont="1" applyAlignment="1">
      <alignment vertical="center"/>
    </xf>
    <xf numFmtId="0" fontId="2" fillId="0" borderId="0" xfId="11" applyFont="1" applyAlignment="1">
      <alignment horizontal="center" vertical="center"/>
    </xf>
    <xf numFmtId="0" fontId="2" fillId="0" borderId="0" xfId="11" applyFont="1"/>
    <xf numFmtId="0" fontId="18" fillId="0" borderId="0" xfId="11" applyFont="1" applyAlignment="1">
      <alignment vertical="center"/>
    </xf>
    <xf numFmtId="0" fontId="24" fillId="0" borderId="14" xfId="0" applyFont="1" applyBorder="1" applyAlignment="1">
      <alignment horizontal="justify" vertical="center" wrapText="1"/>
    </xf>
    <xf numFmtId="0" fontId="24" fillId="0" borderId="13" xfId="0" applyFont="1" applyBorder="1" applyAlignment="1">
      <alignment horizontal="justify" vertical="center" wrapText="1"/>
    </xf>
    <xf numFmtId="0" fontId="25" fillId="0" borderId="0" xfId="0" applyFont="1" applyAlignment="1">
      <alignment horizontal="justify" vertical="center"/>
    </xf>
    <xf numFmtId="0" fontId="25" fillId="0" borderId="0" xfId="0" applyFont="1" applyAlignment="1">
      <alignment vertical="center"/>
    </xf>
    <xf numFmtId="0" fontId="24" fillId="0" borderId="15" xfId="0" applyFont="1" applyBorder="1" applyAlignment="1">
      <alignment horizontal="justify" vertical="center" wrapText="1"/>
    </xf>
    <xf numFmtId="0" fontId="24" fillId="0" borderId="6" xfId="0" applyFont="1" applyBorder="1" applyAlignment="1">
      <alignment horizontal="justify" vertical="center" wrapText="1"/>
    </xf>
    <xf numFmtId="0" fontId="24" fillId="0" borderId="3" xfId="0" applyFont="1" applyBorder="1" applyAlignment="1">
      <alignment horizontal="justify" vertical="center" wrapText="1"/>
    </xf>
    <xf numFmtId="0" fontId="25" fillId="0" borderId="0" xfId="0" applyFont="1" applyBorder="1" applyAlignment="1">
      <alignment horizontal="justify" vertical="center" wrapText="1"/>
    </xf>
    <xf numFmtId="0" fontId="24" fillId="0" borderId="0" xfId="0" applyFont="1" applyBorder="1" applyAlignment="1">
      <alignment horizontal="justify" vertical="center" wrapText="1"/>
    </xf>
    <xf numFmtId="0" fontId="24" fillId="0" borderId="3" xfId="8" applyFont="1" applyFill="1" applyBorder="1" applyAlignment="1">
      <alignment vertical="center" wrapText="1" shrinkToFit="1"/>
    </xf>
    <xf numFmtId="0" fontId="24" fillId="8" borderId="13" xfId="0" applyFont="1" applyFill="1" applyBorder="1" applyAlignment="1">
      <alignment horizontal="justify" vertical="center" wrapText="1"/>
    </xf>
    <xf numFmtId="0" fontId="24" fillId="5" borderId="14" xfId="0" applyFont="1" applyFill="1" applyBorder="1" applyAlignment="1">
      <alignment horizontal="justify" vertical="center" wrapText="1"/>
    </xf>
    <xf numFmtId="0" fontId="24" fillId="5" borderId="8" xfId="0" applyFont="1" applyFill="1" applyBorder="1" applyAlignment="1">
      <alignment horizontal="justify" vertical="center" wrapText="1"/>
    </xf>
    <xf numFmtId="0" fontId="24" fillId="5" borderId="3" xfId="0" applyFont="1" applyFill="1" applyBorder="1" applyAlignment="1">
      <alignment horizontal="justify" vertical="center" wrapText="1"/>
    </xf>
    <xf numFmtId="0" fontId="6" fillId="7" borderId="3" xfId="12" applyFont="1" applyFill="1" applyBorder="1" applyAlignment="1">
      <alignment horizontal="center" vertical="center" wrapText="1"/>
    </xf>
    <xf numFmtId="0" fontId="24" fillId="6" borderId="14" xfId="0" applyFont="1" applyFill="1" applyBorder="1" applyAlignment="1">
      <alignment horizontal="justify" vertical="center" wrapText="1"/>
    </xf>
    <xf numFmtId="0" fontId="24" fillId="6" borderId="8" xfId="0" applyFont="1" applyFill="1" applyBorder="1" applyAlignment="1">
      <alignment horizontal="justify" vertical="center" wrapText="1"/>
    </xf>
    <xf numFmtId="0" fontId="24" fillId="6" borderId="15" xfId="0" applyFont="1" applyFill="1" applyBorder="1" applyAlignment="1">
      <alignment horizontal="justify" vertical="center" wrapText="1"/>
    </xf>
    <xf numFmtId="0" fontId="24" fillId="6" borderId="19" xfId="0" applyFont="1" applyFill="1" applyBorder="1" applyAlignment="1">
      <alignment horizontal="justify" vertical="center" wrapText="1"/>
    </xf>
    <xf numFmtId="0" fontId="24" fillId="6" borderId="3" xfId="0" applyFont="1" applyFill="1" applyBorder="1" applyAlignment="1">
      <alignment horizontal="justify" vertical="center" wrapText="1"/>
    </xf>
    <xf numFmtId="0" fontId="24" fillId="5" borderId="14" xfId="8" applyFont="1" applyFill="1" applyBorder="1" applyAlignment="1">
      <alignment vertical="center" wrapText="1" shrinkToFit="1"/>
    </xf>
    <xf numFmtId="0" fontId="24" fillId="5" borderId="15" xfId="0" applyFont="1" applyFill="1" applyBorder="1" applyAlignment="1">
      <alignment horizontal="justify" vertical="center" wrapText="1"/>
    </xf>
    <xf numFmtId="0" fontId="24" fillId="0" borderId="13" xfId="0" applyFont="1" applyFill="1" applyBorder="1" applyAlignment="1">
      <alignment horizontal="justify" vertical="center" wrapText="1"/>
    </xf>
    <xf numFmtId="0" fontId="24" fillId="0" borderId="14" xfId="0" applyFont="1" applyFill="1" applyBorder="1" applyAlignment="1">
      <alignment horizontal="justify" vertical="center" wrapText="1"/>
    </xf>
    <xf numFmtId="0" fontId="24" fillId="0" borderId="19" xfId="0" applyFont="1" applyFill="1" applyBorder="1" applyAlignment="1">
      <alignment horizontal="justify" vertical="center" wrapText="1"/>
    </xf>
    <xf numFmtId="0" fontId="24" fillId="0" borderId="15" xfId="0" applyFont="1" applyFill="1" applyBorder="1" applyAlignment="1">
      <alignment horizontal="justify" vertical="center" wrapText="1"/>
    </xf>
    <xf numFmtId="0" fontId="24" fillId="0" borderId="8" xfId="0" applyFont="1" applyFill="1" applyBorder="1" applyAlignment="1">
      <alignment horizontal="justify" vertical="center" wrapText="1"/>
    </xf>
    <xf numFmtId="0" fontId="24" fillId="0" borderId="3" xfId="0" applyFont="1" applyFill="1" applyBorder="1" applyAlignment="1">
      <alignment horizontal="justify" vertical="center" wrapText="1"/>
    </xf>
    <xf numFmtId="0" fontId="24" fillId="8" borderId="3" xfId="0" applyFont="1" applyFill="1" applyBorder="1" applyAlignment="1">
      <alignment horizontal="justify" vertical="center" wrapText="1"/>
    </xf>
    <xf numFmtId="0" fontId="24" fillId="0" borderId="18" xfId="0" applyFont="1" applyFill="1" applyBorder="1" applyAlignment="1">
      <alignment horizontal="justify" vertical="center" wrapText="1"/>
    </xf>
    <xf numFmtId="0" fontId="24" fillId="8" borderId="18" xfId="0" applyFont="1" applyFill="1" applyBorder="1" applyAlignment="1">
      <alignment horizontal="justify" vertical="center" wrapText="1"/>
    </xf>
    <xf numFmtId="0" fontId="24" fillId="0" borderId="13" xfId="8" applyFont="1" applyFill="1" applyBorder="1" applyAlignment="1">
      <alignment vertical="center" wrapText="1" shrinkToFit="1"/>
    </xf>
    <xf numFmtId="0" fontId="24" fillId="5" borderId="3" xfId="8" applyFont="1" applyFill="1" applyBorder="1" applyAlignment="1">
      <alignment vertical="center" wrapText="1" shrinkToFit="1"/>
    </xf>
    <xf numFmtId="0" fontId="24" fillId="5" borderId="13" xfId="8" applyFont="1" applyFill="1" applyBorder="1" applyAlignment="1">
      <alignment vertical="center" wrapText="1" shrinkToFit="1"/>
    </xf>
    <xf numFmtId="0" fontId="5" fillId="0" borderId="0" xfId="11" applyFont="1" applyAlignment="1">
      <alignment horizontal="distributed" vertical="center" indent="1"/>
    </xf>
    <xf numFmtId="0" fontId="24" fillId="0" borderId="14" xfId="0" applyFont="1" applyBorder="1" applyAlignment="1">
      <alignment horizontal="left" vertical="top" wrapText="1"/>
    </xf>
    <xf numFmtId="0" fontId="25" fillId="0" borderId="4" xfId="0" applyFont="1" applyBorder="1" applyAlignment="1">
      <alignment horizontal="left" vertical="center"/>
    </xf>
    <xf numFmtId="0" fontId="29" fillId="0" borderId="0" xfId="0" applyFont="1" applyAlignment="1">
      <alignment horizontal="left" vertical="center"/>
    </xf>
    <xf numFmtId="0" fontId="2" fillId="0" borderId="0" xfId="0" applyFont="1" applyAlignment="1">
      <alignment vertical="center"/>
    </xf>
    <xf numFmtId="0" fontId="25" fillId="0" borderId="5" xfId="0" applyFont="1" applyBorder="1" applyAlignment="1">
      <alignment horizontal="justify" vertical="center" wrapText="1"/>
    </xf>
    <xf numFmtId="0" fontId="30" fillId="0" borderId="5" xfId="0" applyFont="1" applyBorder="1" applyAlignment="1">
      <alignment horizontal="justify" vertical="center" wrapText="1"/>
    </xf>
    <xf numFmtId="0" fontId="31" fillId="5" borderId="13" xfId="0" applyFont="1" applyFill="1" applyBorder="1" applyAlignment="1">
      <alignment horizontal="justify" vertical="center" wrapText="1"/>
    </xf>
    <xf numFmtId="0" fontId="25" fillId="0" borderId="8" xfId="0" applyFont="1" applyBorder="1" applyAlignment="1">
      <alignment horizontal="justify" vertical="center" wrapText="1"/>
    </xf>
    <xf numFmtId="0" fontId="31" fillId="0" borderId="14" xfId="0" applyFont="1" applyBorder="1" applyAlignment="1">
      <alignment horizontal="justify" vertical="center" wrapText="1"/>
    </xf>
    <xf numFmtId="0" fontId="32" fillId="0" borderId="8" xfId="0" applyFont="1" applyBorder="1" applyAlignment="1">
      <alignment horizontal="justify" vertical="center" wrapText="1"/>
    </xf>
    <xf numFmtId="0" fontId="31" fillId="0" borderId="8" xfId="0" applyFont="1" applyBorder="1" applyAlignment="1">
      <alignment horizontal="justify" vertical="center" wrapText="1"/>
    </xf>
    <xf numFmtId="0" fontId="25" fillId="0" borderId="6" xfId="0" applyFont="1" applyBorder="1" applyAlignment="1">
      <alignment horizontal="justify" vertical="center" wrapText="1"/>
    </xf>
    <xf numFmtId="0" fontId="31" fillId="0" borderId="15" xfId="0" applyFont="1" applyBorder="1" applyAlignment="1">
      <alignment horizontal="justify" vertical="center" wrapText="1"/>
    </xf>
    <xf numFmtId="0" fontId="31" fillId="0" borderId="14" xfId="0" applyFont="1" applyBorder="1" applyAlignment="1">
      <alignment horizontal="left" vertical="center"/>
    </xf>
    <xf numFmtId="0" fontId="30" fillId="0" borderId="8" xfId="0" applyFont="1" applyBorder="1" applyAlignment="1">
      <alignment horizontal="right" vertical="center" wrapText="1"/>
    </xf>
    <xf numFmtId="0" fontId="30" fillId="0" borderId="6" xfId="0" applyFont="1" applyBorder="1" applyAlignment="1">
      <alignment horizontal="right" vertical="center" wrapText="1"/>
    </xf>
    <xf numFmtId="0" fontId="25" fillId="0" borderId="3" xfId="0" applyFont="1" applyBorder="1" applyAlignment="1">
      <alignment horizontal="justify" vertical="center" wrapText="1"/>
    </xf>
    <xf numFmtId="0" fontId="31" fillId="0" borderId="3" xfId="0" applyFont="1" applyBorder="1" applyAlignment="1">
      <alignment horizontal="justify" vertical="center" wrapText="1"/>
    </xf>
    <xf numFmtId="0" fontId="24" fillId="0" borderId="3" xfId="0" applyFont="1" applyBorder="1" applyAlignment="1">
      <alignment horizontal="justify" vertical="center"/>
    </xf>
    <xf numFmtId="0" fontId="24" fillId="0" borderId="18" xfId="0" applyFont="1" applyBorder="1" applyAlignment="1">
      <alignment horizontal="justify" vertical="center" wrapText="1"/>
    </xf>
    <xf numFmtId="0" fontId="24" fillId="0" borderId="14" xfId="0" applyFont="1" applyBorder="1" applyAlignment="1">
      <alignment horizontal="left" vertical="center"/>
    </xf>
    <xf numFmtId="0" fontId="25" fillId="0" borderId="3" xfId="8" applyFont="1" applyFill="1" applyBorder="1" applyAlignment="1">
      <alignment vertical="center" shrinkToFit="1"/>
    </xf>
    <xf numFmtId="0" fontId="2" fillId="0" borderId="0" xfId="8" applyFont="1" applyFill="1" applyAlignment="1">
      <alignment vertical="center"/>
    </xf>
    <xf numFmtId="0" fontId="24" fillId="5" borderId="13" xfId="0" applyFont="1" applyFill="1" applyBorder="1" applyAlignment="1">
      <alignment horizontal="justify" vertical="center" wrapText="1"/>
    </xf>
    <xf numFmtId="0" fontId="24" fillId="0" borderId="14" xfId="6" applyFont="1" applyFill="1" applyBorder="1" applyAlignment="1">
      <alignment vertical="center" wrapText="1"/>
    </xf>
    <xf numFmtId="0" fontId="24" fillId="5" borderId="15" xfId="6" applyFont="1" applyFill="1" applyBorder="1" applyAlignment="1">
      <alignment vertical="center" wrapText="1"/>
    </xf>
    <xf numFmtId="0" fontId="2" fillId="0" borderId="0" xfId="0" applyFont="1" applyAlignment="1">
      <alignment horizontal="left" vertical="center"/>
    </xf>
    <xf numFmtId="0" fontId="29" fillId="0" borderId="0" xfId="0" applyFont="1" applyAlignment="1">
      <alignment horizontal="justify" vertical="center"/>
    </xf>
    <xf numFmtId="0" fontId="2" fillId="0" borderId="4" xfId="0" applyFont="1" applyBorder="1" applyAlignment="1">
      <alignment vertical="center"/>
    </xf>
    <xf numFmtId="0" fontId="24" fillId="5" borderId="13" xfId="0" applyFont="1" applyFill="1" applyBorder="1" applyAlignment="1">
      <alignment vertical="center" wrapText="1"/>
    </xf>
    <xf numFmtId="0" fontId="24" fillId="5" borderId="14" xfId="0" applyFont="1" applyFill="1" applyBorder="1" applyAlignment="1">
      <alignment vertical="center" wrapText="1"/>
    </xf>
    <xf numFmtId="0" fontId="24" fillId="0" borderId="14" xfId="0" applyFont="1" applyBorder="1" applyAlignment="1">
      <alignment vertical="center" wrapText="1"/>
    </xf>
    <xf numFmtId="0" fontId="6" fillId="0" borderId="14" xfId="0" applyFont="1" applyBorder="1" applyAlignment="1">
      <alignment horizontal="center" vertical="center" wrapText="1"/>
    </xf>
    <xf numFmtId="0" fontId="24" fillId="0" borderId="14" xfId="8" applyFont="1" applyFill="1" applyBorder="1" applyAlignment="1">
      <alignment vertical="center" shrinkToFit="1"/>
    </xf>
    <xf numFmtId="0" fontId="24" fillId="0" borderId="14" xfId="8" applyFont="1" applyFill="1" applyBorder="1" applyAlignment="1">
      <alignment vertical="center" wrapText="1" shrinkToFit="1"/>
    </xf>
    <xf numFmtId="0" fontId="24" fillId="0" borderId="15" xfId="8" applyFont="1" applyFill="1" applyBorder="1" applyAlignment="1">
      <alignment vertical="center" shrinkToFit="1"/>
    </xf>
    <xf numFmtId="0" fontId="24" fillId="0" borderId="15" xfId="8" applyFont="1" applyFill="1" applyBorder="1" applyAlignment="1">
      <alignment vertical="center" wrapText="1" shrinkToFit="1"/>
    </xf>
    <xf numFmtId="0" fontId="24" fillId="0" borderId="0" xfId="8" applyFont="1" applyFill="1" applyBorder="1" applyAlignment="1">
      <alignment vertical="center" shrinkToFit="1"/>
    </xf>
    <xf numFmtId="0" fontId="24" fillId="0" borderId="0" xfId="8" applyFont="1" applyFill="1" applyBorder="1" applyAlignment="1">
      <alignment vertical="center" wrapText="1" shrinkToFit="1"/>
    </xf>
    <xf numFmtId="0" fontId="24" fillId="0" borderId="13" xfId="0" applyFont="1" applyFill="1" applyBorder="1" applyAlignment="1">
      <alignment vertical="center" wrapText="1"/>
    </xf>
    <xf numFmtId="0" fontId="24" fillId="0" borderId="14" xfId="0" applyFont="1" applyFill="1" applyBorder="1" applyAlignment="1">
      <alignment vertical="center" wrapText="1"/>
    </xf>
    <xf numFmtId="0" fontId="24" fillId="0" borderId="14" xfId="0" applyFont="1" applyFill="1" applyBorder="1" applyAlignment="1">
      <alignment horizontal="left" vertical="top" wrapText="1"/>
    </xf>
    <xf numFmtId="0" fontId="24" fillId="0" borderId="15" xfId="0" applyFont="1" applyFill="1" applyBorder="1" applyAlignment="1">
      <alignment vertical="center" wrapText="1"/>
    </xf>
    <xf numFmtId="0" fontId="24" fillId="0" borderId="0" xfId="0" applyFont="1" applyFill="1" applyBorder="1" applyAlignment="1">
      <alignment horizontal="left" vertical="center" wrapText="1"/>
    </xf>
    <xf numFmtId="0" fontId="24" fillId="0" borderId="5" xfId="0" applyFont="1" applyFill="1" applyBorder="1" applyAlignment="1">
      <alignment horizontal="left" vertical="top" wrapText="1"/>
    </xf>
    <xf numFmtId="0" fontId="24" fillId="0" borderId="14" xfId="8" applyFont="1" applyFill="1" applyBorder="1" applyAlignment="1">
      <alignment horizontal="left" vertical="top" wrapText="1" shrinkToFit="1"/>
    </xf>
    <xf numFmtId="0" fontId="24" fillId="0" borderId="13" xfId="6" applyFont="1" applyFill="1" applyBorder="1" applyAlignment="1">
      <alignment horizontal="left" vertical="top" wrapText="1"/>
    </xf>
    <xf numFmtId="0" fontId="2" fillId="0" borderId="0" xfId="6" applyFont="1" applyFill="1" applyAlignment="1">
      <alignment vertical="center"/>
    </xf>
    <xf numFmtId="0" fontId="25" fillId="0" borderId="0" xfId="8" applyFont="1" applyFill="1" applyAlignment="1">
      <alignment vertical="center" shrinkToFit="1"/>
    </xf>
    <xf numFmtId="0" fontId="25" fillId="0" borderId="0" xfId="8" applyFont="1" applyFill="1" applyAlignment="1">
      <alignment vertical="center" wrapText="1" shrinkToFit="1"/>
    </xf>
    <xf numFmtId="0" fontId="2" fillId="0" borderId="0" xfId="9" applyFont="1" applyFill="1" applyAlignment="1">
      <alignment vertical="center"/>
    </xf>
    <xf numFmtId="0" fontId="2" fillId="0" borderId="0" xfId="0" applyFont="1" applyAlignment="1">
      <alignment horizontal="justify" vertical="center"/>
    </xf>
    <xf numFmtId="0" fontId="29" fillId="0" borderId="0" xfId="0" applyFont="1" applyAlignment="1">
      <alignment vertical="center"/>
    </xf>
    <xf numFmtId="0" fontId="6" fillId="2" borderId="3" xfId="0" applyFont="1" applyFill="1" applyBorder="1" applyAlignment="1">
      <alignment horizontal="center" vertical="center" wrapText="1"/>
    </xf>
    <xf numFmtId="0" fontId="6" fillId="3" borderId="13" xfId="8" applyFont="1" applyFill="1" applyBorder="1" applyAlignment="1">
      <alignment horizontal="center" vertical="center"/>
    </xf>
    <xf numFmtId="0" fontId="6" fillId="5" borderId="14" xfId="0" applyFont="1" applyFill="1" applyBorder="1" applyAlignment="1">
      <alignment horizontal="center" vertical="center" wrapText="1"/>
    </xf>
    <xf numFmtId="0" fontId="6" fillId="0" borderId="15" xfId="0" applyFont="1" applyBorder="1" applyAlignment="1">
      <alignment horizontal="center" vertical="center" wrapText="1"/>
    </xf>
    <xf numFmtId="0" fontId="6" fillId="0" borderId="0" xfId="0" applyFont="1" applyBorder="1" applyAlignment="1">
      <alignment horizontal="center" vertical="center" wrapText="1"/>
    </xf>
    <xf numFmtId="0" fontId="6" fillId="0" borderId="13" xfId="0" applyFont="1" applyBorder="1" applyAlignment="1">
      <alignment horizontal="center" vertical="center" wrapText="1"/>
    </xf>
    <xf numFmtId="0" fontId="6" fillId="3" borderId="14" xfId="8" applyFont="1" applyFill="1" applyBorder="1" applyAlignment="1">
      <alignment horizontal="center" vertical="center" wrapText="1"/>
    </xf>
    <xf numFmtId="0" fontId="24" fillId="0" borderId="14" xfId="0" applyFont="1" applyFill="1" applyBorder="1" applyAlignment="1">
      <alignment horizontal="left" vertical="center" wrapText="1"/>
    </xf>
    <xf numFmtId="0" fontId="23" fillId="0" borderId="0" xfId="8" applyFont="1" applyFill="1" applyBorder="1" applyAlignment="1">
      <alignment vertical="center" wrapText="1" shrinkToFit="1"/>
    </xf>
    <xf numFmtId="0" fontId="6" fillId="0" borderId="0" xfId="0" applyFont="1" applyAlignment="1">
      <alignment vertical="center"/>
    </xf>
    <xf numFmtId="0" fontId="6" fillId="3" borderId="13" xfId="0" applyFont="1" applyFill="1" applyBorder="1" applyAlignment="1">
      <alignment horizontal="center" vertical="center" wrapText="1"/>
    </xf>
    <xf numFmtId="0" fontId="24" fillId="0" borderId="19" xfId="8" applyFont="1" applyFill="1" applyBorder="1" applyAlignment="1">
      <alignment vertical="center" wrapText="1" shrinkToFit="1"/>
    </xf>
    <xf numFmtId="0" fontId="24" fillId="0" borderId="8" xfId="8" applyFont="1" applyFill="1" applyBorder="1" applyAlignment="1">
      <alignment vertical="center" wrapText="1" shrinkToFit="1"/>
    </xf>
    <xf numFmtId="0" fontId="24" fillId="0" borderId="18" xfId="8" applyFont="1" applyFill="1" applyBorder="1" applyAlignment="1">
      <alignment vertical="center" wrapText="1" shrinkToFit="1"/>
    </xf>
    <xf numFmtId="0" fontId="6" fillId="3" borderId="13" xfId="8" applyFont="1" applyFill="1" applyBorder="1" applyAlignment="1">
      <alignment horizontal="center" vertical="center" wrapText="1"/>
    </xf>
    <xf numFmtId="0" fontId="25" fillId="0" borderId="0" xfId="0" applyFont="1" applyBorder="1" applyAlignment="1">
      <alignment horizontal="justify" vertical="center"/>
    </xf>
    <xf numFmtId="0" fontId="25" fillId="0" borderId="0" xfId="0" applyFont="1" applyBorder="1" applyAlignment="1">
      <alignment vertical="center"/>
    </xf>
    <xf numFmtId="0" fontId="6" fillId="0" borderId="0" xfId="0" applyFont="1" applyBorder="1" applyAlignment="1">
      <alignment vertical="center"/>
    </xf>
    <xf numFmtId="0" fontId="25" fillId="0" borderId="4" xfId="0" applyFont="1" applyBorder="1" applyAlignment="1">
      <alignment horizontal="justify" vertical="center"/>
    </xf>
    <xf numFmtId="0" fontId="25" fillId="0" borderId="4" xfId="0" applyFont="1" applyBorder="1" applyAlignment="1">
      <alignment vertical="center"/>
    </xf>
    <xf numFmtId="0" fontId="6" fillId="0" borderId="4" xfId="0" applyFont="1" applyBorder="1" applyAlignment="1">
      <alignment vertical="center"/>
    </xf>
    <xf numFmtId="0" fontId="24" fillId="0" borderId="14" xfId="7" applyFont="1" applyFill="1" applyBorder="1" applyAlignment="1">
      <alignment vertical="center" wrapText="1"/>
    </xf>
    <xf numFmtId="0" fontId="2" fillId="0" borderId="0" xfId="7" applyFont="1" applyFill="1" applyBorder="1" applyAlignment="1">
      <alignment vertical="center"/>
    </xf>
    <xf numFmtId="0" fontId="24" fillId="0" borderId="14" xfId="6" applyFont="1" applyFill="1" applyBorder="1" applyAlignment="1">
      <alignment vertical="center"/>
    </xf>
    <xf numFmtId="0" fontId="24" fillId="0" borderId="15" xfId="6" applyFont="1" applyFill="1" applyBorder="1" applyAlignment="1">
      <alignment vertical="center"/>
    </xf>
    <xf numFmtId="0" fontId="24" fillId="0" borderId="15" xfId="6" applyFont="1" applyFill="1" applyBorder="1" applyAlignment="1">
      <alignment vertical="center" wrapText="1"/>
    </xf>
    <xf numFmtId="0" fontId="6" fillId="0" borderId="14" xfId="8" applyFont="1" applyFill="1" applyBorder="1" applyAlignment="1">
      <alignment horizontal="center" vertical="center" wrapText="1"/>
    </xf>
    <xf numFmtId="0" fontId="2" fillId="0" borderId="0" xfId="0" applyFont="1" applyFill="1" applyAlignment="1">
      <alignment vertical="center"/>
    </xf>
    <xf numFmtId="0" fontId="25" fillId="0" borderId="0" xfId="6" applyFont="1" applyFill="1" applyBorder="1" applyAlignment="1">
      <alignment vertical="center"/>
    </xf>
    <xf numFmtId="0" fontId="24" fillId="0" borderId="0" xfId="6" applyFont="1" applyFill="1" applyBorder="1" applyAlignment="1">
      <alignment vertical="center" wrapText="1"/>
    </xf>
    <xf numFmtId="0" fontId="6" fillId="0" borderId="0" xfId="6" applyFont="1" applyFill="1" applyBorder="1" applyAlignment="1">
      <alignment vertical="center"/>
    </xf>
    <xf numFmtId="0" fontId="24" fillId="0" borderId="14" xfId="8" applyFont="1" applyFill="1" applyBorder="1" applyAlignment="1">
      <alignment vertical="center" wrapText="1"/>
    </xf>
    <xf numFmtId="0" fontId="24" fillId="0" borderId="0" xfId="6" applyFont="1" applyFill="1" applyBorder="1" applyAlignment="1">
      <alignment vertical="center"/>
    </xf>
    <xf numFmtId="0" fontId="25" fillId="0" borderId="0" xfId="6" applyFont="1" applyFill="1" applyBorder="1" applyAlignment="1">
      <alignment vertical="center" wrapText="1"/>
    </xf>
    <xf numFmtId="0" fontId="24" fillId="0" borderId="14" xfId="7" applyFont="1" applyFill="1" applyBorder="1" applyAlignment="1">
      <alignment vertical="center"/>
    </xf>
    <xf numFmtId="0" fontId="24" fillId="0" borderId="15" xfId="7" applyFont="1" applyFill="1" applyBorder="1" applyAlignment="1">
      <alignment vertical="center"/>
    </xf>
    <xf numFmtId="0" fontId="24" fillId="0" borderId="15" xfId="7" applyFont="1" applyFill="1" applyBorder="1" applyAlignment="1">
      <alignment vertical="center" wrapText="1"/>
    </xf>
    <xf numFmtId="0" fontId="25" fillId="0" borderId="0" xfId="7" applyFont="1" applyFill="1" applyBorder="1" applyAlignment="1">
      <alignment vertical="center"/>
    </xf>
    <xf numFmtId="0" fontId="25" fillId="0" borderId="0" xfId="7" applyFont="1" applyFill="1" applyBorder="1" applyAlignment="1">
      <alignment vertical="center" wrapText="1"/>
    </xf>
    <xf numFmtId="0" fontId="6" fillId="0" borderId="0" xfId="7" applyFont="1" applyFill="1" applyBorder="1" applyAlignment="1">
      <alignment vertical="center" wrapText="1"/>
    </xf>
    <xf numFmtId="0" fontId="24" fillId="0" borderId="15" xfId="0" applyFont="1" applyFill="1" applyBorder="1" applyAlignment="1">
      <alignment vertical="center"/>
    </xf>
    <xf numFmtId="0" fontId="25" fillId="0" borderId="0" xfId="0" applyFont="1" applyFill="1" applyBorder="1" applyAlignment="1">
      <alignment vertical="center"/>
    </xf>
    <xf numFmtId="0" fontId="25" fillId="0" borderId="0" xfId="0" applyFont="1" applyFill="1" applyBorder="1" applyAlignment="1">
      <alignment vertical="center" wrapText="1"/>
    </xf>
    <xf numFmtId="0" fontId="6" fillId="0" borderId="0" xfId="9" applyFont="1" applyFill="1" applyAlignment="1">
      <alignment vertical="center" wrapText="1"/>
    </xf>
    <xf numFmtId="0" fontId="6" fillId="0" borderId="0" xfId="0" applyFont="1" applyFill="1" applyAlignment="1">
      <alignment vertical="center" wrapText="1"/>
    </xf>
    <xf numFmtId="0" fontId="25" fillId="0" borderId="7" xfId="7" applyFont="1" applyFill="1" applyBorder="1" applyAlignment="1">
      <alignment vertical="center" wrapText="1"/>
    </xf>
    <xf numFmtId="0" fontId="2" fillId="0" borderId="0" xfId="8" applyFont="1" applyFill="1" applyAlignment="1">
      <alignment horizontal="center" vertical="center"/>
    </xf>
    <xf numFmtId="0" fontId="6" fillId="0" borderId="0" xfId="8" applyFont="1" applyFill="1" applyAlignment="1">
      <alignment vertical="center" wrapText="1"/>
    </xf>
    <xf numFmtId="0" fontId="25" fillId="0" borderId="0" xfId="8" applyFont="1" applyFill="1" applyBorder="1" applyAlignment="1">
      <alignment vertical="center"/>
    </xf>
    <xf numFmtId="0" fontId="25" fillId="0" borderId="0" xfId="8" applyFont="1" applyFill="1" applyAlignment="1">
      <alignment vertical="center"/>
    </xf>
    <xf numFmtId="0" fontId="6" fillId="0" borderId="13" xfId="0" applyFont="1" applyBorder="1" applyAlignment="1">
      <alignment vertical="center" wrapText="1"/>
    </xf>
    <xf numFmtId="0" fontId="6" fillId="0" borderId="14" xfId="0" applyFont="1" applyBorder="1" applyAlignment="1">
      <alignment vertical="center" wrapText="1"/>
    </xf>
    <xf numFmtId="0" fontId="24" fillId="0" borderId="13" xfId="0" applyFont="1" applyBorder="1" applyAlignment="1">
      <alignment vertical="center" wrapText="1"/>
    </xf>
    <xf numFmtId="0" fontId="24" fillId="0" borderId="14" xfId="8" applyFont="1" applyFill="1" applyBorder="1" applyAlignment="1">
      <alignment horizontal="left" vertical="center" wrapText="1"/>
    </xf>
    <xf numFmtId="0" fontId="24" fillId="0" borderId="15" xfId="0" applyFont="1" applyBorder="1" applyAlignment="1">
      <alignment vertical="center" shrinkToFit="1"/>
    </xf>
    <xf numFmtId="0" fontId="24" fillId="0" borderId="15" xfId="0" applyFont="1" applyBorder="1" applyAlignment="1">
      <alignment vertical="center" wrapText="1"/>
    </xf>
    <xf numFmtId="0" fontId="26" fillId="0" borderId="0" xfId="0" applyFont="1" applyAlignment="1">
      <alignment vertical="center"/>
    </xf>
    <xf numFmtId="0" fontId="6" fillId="0" borderId="19" xfId="0" applyFont="1" applyBorder="1" applyAlignment="1">
      <alignment horizontal="center" vertical="center" wrapText="1"/>
    </xf>
    <xf numFmtId="0" fontId="6" fillId="3" borderId="14" xfId="0" applyFont="1" applyFill="1" applyBorder="1" applyAlignment="1">
      <alignment horizontal="center" vertical="center" wrapText="1"/>
    </xf>
    <xf numFmtId="0" fontId="6" fillId="0" borderId="18" xfId="0" applyFont="1" applyBorder="1" applyAlignment="1">
      <alignment horizontal="center" vertical="center" wrapText="1"/>
    </xf>
    <xf numFmtId="0" fontId="6" fillId="0" borderId="0" xfId="6" applyFont="1" applyFill="1" applyBorder="1" applyAlignment="1">
      <alignment vertical="center" wrapText="1"/>
    </xf>
    <xf numFmtId="0" fontId="24" fillId="0" borderId="14" xfId="5" applyFont="1" applyBorder="1" applyAlignment="1" applyProtection="1">
      <alignment horizontal="justify" vertical="center" wrapText="1"/>
    </xf>
    <xf numFmtId="0" fontId="24" fillId="0" borderId="13" xfId="6" applyFont="1" applyFill="1" applyBorder="1" applyAlignment="1">
      <alignment vertical="center" wrapText="1"/>
    </xf>
    <xf numFmtId="0" fontId="24" fillId="0" borderId="7" xfId="6" applyFont="1" applyFill="1" applyBorder="1" applyAlignment="1">
      <alignment vertical="center"/>
    </xf>
    <xf numFmtId="0" fontId="24" fillId="0" borderId="7" xfId="6" applyFont="1" applyFill="1" applyBorder="1" applyAlignment="1">
      <alignment vertical="center" wrapText="1"/>
    </xf>
    <xf numFmtId="0" fontId="24" fillId="0" borderId="13" xfId="0" applyFont="1" applyBorder="1" applyAlignment="1">
      <alignment vertical="center" wrapText="1" shrinkToFit="1"/>
    </xf>
    <xf numFmtId="0" fontId="24" fillId="0" borderId="14" xfId="0" applyFont="1" applyBorder="1" applyAlignment="1">
      <alignment vertical="center" wrapText="1" shrinkToFit="1"/>
    </xf>
    <xf numFmtId="0" fontId="6" fillId="3" borderId="14" xfId="0" applyFont="1" applyFill="1" applyBorder="1" applyAlignment="1">
      <alignment horizontal="center" vertical="center"/>
    </xf>
    <xf numFmtId="0" fontId="6" fillId="4" borderId="14" xfId="0" applyFont="1" applyFill="1" applyBorder="1" applyAlignment="1">
      <alignment horizontal="center" vertical="center"/>
    </xf>
    <xf numFmtId="0" fontId="6" fillId="4" borderId="14" xfId="0" applyFont="1" applyFill="1" applyBorder="1" applyAlignment="1">
      <alignment horizontal="center" vertical="center" wrapText="1"/>
    </xf>
    <xf numFmtId="0" fontId="24" fillId="0" borderId="14" xfId="0" applyFont="1" applyBorder="1" applyAlignment="1">
      <alignment vertical="center" shrinkToFit="1"/>
    </xf>
    <xf numFmtId="0" fontId="24" fillId="0" borderId="14" xfId="0" applyFont="1" applyBorder="1" applyAlignment="1">
      <alignment vertical="center"/>
    </xf>
    <xf numFmtId="0" fontId="6" fillId="3" borderId="13" xfId="0" applyFont="1" applyFill="1" applyBorder="1" applyAlignment="1">
      <alignment horizontal="justify" vertical="center" wrapText="1"/>
    </xf>
    <xf numFmtId="0" fontId="6" fillId="3" borderId="14" xfId="0" applyFont="1" applyFill="1" applyBorder="1" applyAlignment="1">
      <alignment horizontal="justify" vertical="center" wrapText="1"/>
    </xf>
    <xf numFmtId="0" fontId="6" fillId="3" borderId="14" xfId="8" applyFont="1" applyFill="1" applyBorder="1" applyAlignment="1">
      <alignment vertical="center" wrapText="1"/>
    </xf>
    <xf numFmtId="0" fontId="6" fillId="3" borderId="14" xfId="6" applyFont="1" applyFill="1" applyBorder="1" applyAlignment="1">
      <alignment vertical="center"/>
    </xf>
    <xf numFmtId="0" fontId="24" fillId="0" borderId="19" xfId="0" applyFont="1" applyBorder="1" applyAlignment="1">
      <alignment horizontal="justify" vertical="center" wrapText="1"/>
    </xf>
    <xf numFmtId="0" fontId="24" fillId="0" borderId="13" xfId="8" applyFont="1" applyFill="1" applyBorder="1" applyAlignment="1">
      <alignment vertical="center" wrapText="1"/>
    </xf>
    <xf numFmtId="0" fontId="24" fillId="0" borderId="15" xfId="9" applyFont="1" applyFill="1" applyBorder="1" applyAlignment="1">
      <alignment vertical="center"/>
    </xf>
    <xf numFmtId="0" fontId="24" fillId="0" borderId="15" xfId="9" applyFont="1" applyFill="1" applyBorder="1" applyAlignment="1">
      <alignment vertical="center" wrapText="1"/>
    </xf>
    <xf numFmtId="0" fontId="6" fillId="0" borderId="14" xfId="8" applyFont="1" applyFill="1" applyBorder="1" applyAlignment="1">
      <alignment vertical="center" wrapText="1"/>
    </xf>
    <xf numFmtId="0" fontId="25" fillId="0" borderId="0" xfId="8" applyFont="1" applyFill="1" applyBorder="1" applyAlignment="1">
      <alignment vertical="center" wrapText="1" shrinkToFit="1"/>
    </xf>
    <xf numFmtId="0" fontId="6" fillId="0" borderId="0" xfId="0" applyFont="1" applyBorder="1" applyAlignment="1">
      <alignment horizontal="justify" vertical="center" wrapText="1"/>
    </xf>
    <xf numFmtId="0" fontId="6" fillId="3" borderId="15" xfId="0" applyFont="1" applyFill="1" applyBorder="1" applyAlignment="1">
      <alignment horizontal="justify" vertical="center" wrapText="1"/>
    </xf>
    <xf numFmtId="0" fontId="24" fillId="0" borderId="14" xfId="6" applyFont="1" applyFill="1" applyBorder="1" applyAlignment="1">
      <alignment horizontal="left" vertical="top" wrapText="1"/>
    </xf>
    <xf numFmtId="0" fontId="6" fillId="2" borderId="5" xfId="0" applyFont="1" applyFill="1" applyBorder="1" applyAlignment="1">
      <alignment horizontal="center" vertical="center" wrapText="1"/>
    </xf>
    <xf numFmtId="0" fontId="6" fillId="0" borderId="4" xfId="0" applyFont="1" applyBorder="1" applyAlignment="1">
      <alignment horizontal="center" vertical="center" wrapText="1"/>
    </xf>
    <xf numFmtId="0" fontId="24" fillId="0" borderId="14" xfId="0" applyFont="1" applyBorder="1" applyAlignment="1">
      <alignment horizontal="justify" vertical="top" wrapText="1"/>
    </xf>
    <xf numFmtId="0" fontId="6" fillId="3" borderId="14" xfId="7" applyFont="1" applyFill="1" applyBorder="1" applyAlignment="1">
      <alignment vertical="center" wrapText="1"/>
    </xf>
    <xf numFmtId="0" fontId="37" fillId="0" borderId="13" xfId="0" applyFont="1" applyBorder="1" applyAlignment="1">
      <alignment horizontal="justify" vertical="center" wrapText="1"/>
    </xf>
    <xf numFmtId="0" fontId="37" fillId="0" borderId="14" xfId="0" applyFont="1" applyBorder="1" applyAlignment="1">
      <alignment horizontal="justify" vertical="center" wrapText="1"/>
    </xf>
    <xf numFmtId="0" fontId="37" fillId="0" borderId="15" xfId="0" applyFont="1" applyBorder="1" applyAlignment="1">
      <alignment horizontal="justify" vertical="center" wrapText="1"/>
    </xf>
    <xf numFmtId="0" fontId="25" fillId="0" borderId="0" xfId="8" applyFont="1" applyFill="1" applyBorder="1" applyAlignment="1">
      <alignment vertical="center" shrinkToFit="1"/>
    </xf>
    <xf numFmtId="0" fontId="6" fillId="0" borderId="0" xfId="8" applyFont="1" applyFill="1" applyBorder="1" applyAlignment="1">
      <alignment vertical="center" wrapText="1"/>
    </xf>
    <xf numFmtId="0" fontId="25" fillId="0" borderId="4" xfId="8" applyFont="1" applyFill="1" applyBorder="1" applyAlignment="1">
      <alignment vertical="center" shrinkToFit="1"/>
    </xf>
    <xf numFmtId="0" fontId="25" fillId="0" borderId="4" xfId="8" applyFont="1" applyFill="1" applyBorder="1" applyAlignment="1">
      <alignment vertical="center" wrapText="1" shrinkToFit="1"/>
    </xf>
    <xf numFmtId="0" fontId="6" fillId="0" borderId="4" xfId="8" applyFont="1" applyFill="1" applyBorder="1" applyAlignment="1">
      <alignment vertical="center" wrapText="1"/>
    </xf>
    <xf numFmtId="0" fontId="24" fillId="0" borderId="13" xfId="7" applyFont="1" applyFill="1" applyBorder="1" applyAlignment="1">
      <alignment vertical="center" wrapText="1"/>
    </xf>
    <xf numFmtId="0" fontId="6" fillId="3" borderId="14" xfId="9" applyFont="1" applyFill="1" applyBorder="1" applyAlignment="1">
      <alignment vertical="center" wrapText="1"/>
    </xf>
    <xf numFmtId="0" fontId="25" fillId="0" borderId="15" xfId="0" applyFont="1" applyBorder="1" applyAlignment="1">
      <alignment horizontal="justify" vertical="center" wrapText="1"/>
    </xf>
    <xf numFmtId="0" fontId="2" fillId="0" borderId="0" xfId="0" applyFont="1" applyFill="1" applyAlignment="1">
      <alignment vertical="center" wrapText="1"/>
    </xf>
    <xf numFmtId="0" fontId="2" fillId="0" borderId="0" xfId="0" applyFont="1" applyBorder="1" applyAlignment="1">
      <alignment vertical="center"/>
    </xf>
    <xf numFmtId="0" fontId="24" fillId="0" borderId="5" xfId="0" applyFont="1" applyBorder="1" applyAlignment="1">
      <alignment vertical="top" wrapText="1"/>
    </xf>
    <xf numFmtId="0" fontId="24" fillId="0" borderId="8" xfId="0" applyFont="1" applyBorder="1" applyAlignment="1">
      <alignment vertical="top" wrapText="1"/>
    </xf>
    <xf numFmtId="0" fontId="6" fillId="3" borderId="15" xfId="0" applyFont="1" applyFill="1" applyBorder="1" applyAlignment="1">
      <alignment horizontal="center" vertical="center" wrapText="1"/>
    </xf>
    <xf numFmtId="0" fontId="25" fillId="0" borderId="0" xfId="0" applyFont="1" applyBorder="1" applyAlignment="1">
      <alignment vertical="center" shrinkToFit="1"/>
    </xf>
    <xf numFmtId="0" fontId="6" fillId="0" borderId="0" xfId="0" applyFont="1" applyFill="1" applyBorder="1" applyAlignment="1">
      <alignment horizontal="center" vertical="center" wrapText="1"/>
    </xf>
    <xf numFmtId="0" fontId="24" fillId="0" borderId="0" xfId="0" applyFont="1" applyFill="1" applyBorder="1" applyAlignment="1">
      <alignment vertical="center" wrapText="1"/>
    </xf>
    <xf numFmtId="0" fontId="25" fillId="0" borderId="7" xfId="0" applyFont="1" applyBorder="1" applyAlignment="1">
      <alignment vertical="center"/>
    </xf>
    <xf numFmtId="0" fontId="6" fillId="0" borderId="7" xfId="0" applyFont="1" applyBorder="1" applyAlignment="1">
      <alignment vertical="center"/>
    </xf>
    <xf numFmtId="0" fontId="24" fillId="0" borderId="14" xfId="7" applyFont="1" applyFill="1" applyBorder="1" applyAlignment="1">
      <alignment horizontal="left" vertical="top" wrapText="1"/>
    </xf>
    <xf numFmtId="0" fontId="25" fillId="0" borderId="0" xfId="0" applyFont="1" applyBorder="1" applyAlignment="1">
      <alignment vertical="center" wrapText="1"/>
    </xf>
    <xf numFmtId="0" fontId="6" fillId="0" borderId="0" xfId="0" applyFont="1" applyBorder="1" applyAlignment="1">
      <alignment vertical="center" wrapText="1"/>
    </xf>
    <xf numFmtId="0" fontId="24" fillId="0" borderId="15" xfId="8" applyFont="1" applyFill="1" applyBorder="1" applyAlignment="1">
      <alignment vertical="center" wrapText="1"/>
    </xf>
    <xf numFmtId="0" fontId="6" fillId="3" borderId="15" xfId="8" applyFont="1" applyFill="1" applyBorder="1" applyAlignment="1">
      <alignment horizontal="center" vertical="center" wrapText="1"/>
    </xf>
    <xf numFmtId="0" fontId="6" fillId="3" borderId="15" xfId="7" applyFont="1" applyFill="1" applyBorder="1" applyAlignment="1">
      <alignment vertical="center" wrapText="1"/>
    </xf>
    <xf numFmtId="0" fontId="24" fillId="0" borderId="13" xfId="0" applyFont="1" applyBorder="1" applyAlignment="1">
      <alignment horizontal="center" vertical="center" wrapText="1"/>
    </xf>
    <xf numFmtId="0" fontId="24" fillId="0" borderId="14" xfId="0" applyFont="1" applyBorder="1" applyAlignment="1">
      <alignment horizontal="center" vertical="center" wrapText="1"/>
    </xf>
    <xf numFmtId="0" fontId="24" fillId="0" borderId="15" xfId="0" applyFont="1" applyBorder="1" applyAlignment="1">
      <alignment horizontal="center" vertical="center" wrapText="1"/>
    </xf>
    <xf numFmtId="0" fontId="6" fillId="0" borderId="0" xfId="0" applyFont="1" applyFill="1" applyBorder="1" applyAlignment="1">
      <alignment horizontal="justify" vertical="center" wrapText="1"/>
    </xf>
    <xf numFmtId="0" fontId="6" fillId="5" borderId="0" xfId="0" applyFont="1" applyFill="1" applyBorder="1" applyAlignment="1">
      <alignment horizontal="center" vertical="center" wrapText="1"/>
    </xf>
    <xf numFmtId="0" fontId="6" fillId="5" borderId="0" xfId="0" applyFont="1" applyFill="1" applyBorder="1" applyAlignment="1">
      <alignment horizontal="justify" vertical="center" wrapText="1"/>
    </xf>
    <xf numFmtId="0" fontId="6" fillId="3" borderId="14" xfId="7" applyFont="1" applyFill="1" applyBorder="1" applyAlignment="1">
      <alignment horizontal="center" vertical="center" wrapText="1"/>
    </xf>
    <xf numFmtId="0" fontId="2" fillId="0" borderId="12" xfId="0" applyFont="1" applyFill="1" applyBorder="1" applyAlignment="1">
      <alignment vertical="center"/>
    </xf>
    <xf numFmtId="0" fontId="6" fillId="0" borderId="12" xfId="0" applyFont="1" applyFill="1" applyBorder="1" applyAlignment="1">
      <alignment horizontal="justify" vertical="center" wrapText="1"/>
    </xf>
    <xf numFmtId="0" fontId="2" fillId="0" borderId="12" xfId="0" applyFont="1" applyBorder="1" applyAlignment="1">
      <alignment vertical="center"/>
    </xf>
    <xf numFmtId="0" fontId="25" fillId="0" borderId="9" xfId="8" applyFont="1" applyFill="1" applyBorder="1" applyAlignment="1">
      <alignment vertical="center" wrapText="1" shrinkToFit="1"/>
    </xf>
    <xf numFmtId="0" fontId="6" fillId="0" borderId="9" xfId="8" applyFont="1" applyFill="1" applyBorder="1" applyAlignment="1">
      <alignment vertical="center" wrapText="1"/>
    </xf>
    <xf numFmtId="0" fontId="24" fillId="0" borderId="14" xfId="9" applyFont="1" applyFill="1" applyBorder="1" applyAlignment="1">
      <alignment vertical="center" wrapText="1"/>
    </xf>
    <xf numFmtId="0" fontId="24" fillId="0" borderId="20" xfId="0" applyFont="1" applyBorder="1" applyAlignment="1">
      <alignment horizontal="justify" vertical="center" wrapText="1"/>
    </xf>
    <xf numFmtId="0" fontId="6" fillId="3" borderId="15" xfId="8" applyFont="1" applyFill="1" applyBorder="1" applyAlignment="1">
      <alignment vertical="center" wrapText="1"/>
    </xf>
    <xf numFmtId="0" fontId="6" fillId="3" borderId="14" xfId="0" applyFont="1" applyFill="1" applyBorder="1" applyAlignment="1">
      <alignment vertical="center"/>
    </xf>
    <xf numFmtId="0" fontId="24" fillId="8" borderId="14" xfId="0" applyFont="1" applyFill="1" applyBorder="1" applyAlignment="1">
      <alignment horizontal="justify" vertical="center" wrapText="1"/>
    </xf>
    <xf numFmtId="0" fontId="24" fillId="8" borderId="15" xfId="0" applyFont="1" applyFill="1" applyBorder="1" applyAlignment="1">
      <alignment horizontal="justify" vertical="center" wrapText="1"/>
    </xf>
    <xf numFmtId="0" fontId="24" fillId="8" borderId="6" xfId="0" applyFont="1" applyFill="1" applyBorder="1" applyAlignment="1">
      <alignment horizontal="justify" vertical="center" wrapText="1"/>
    </xf>
    <xf numFmtId="0" fontId="24" fillId="8" borderId="3" xfId="8" applyFont="1" applyFill="1" applyBorder="1" applyAlignment="1">
      <alignment vertical="center" wrapText="1" shrinkToFit="1"/>
    </xf>
    <xf numFmtId="0" fontId="2" fillId="0" borderId="0" xfId="11" applyFont="1" applyAlignment="1">
      <alignment horizontal="distributed" vertical="center"/>
    </xf>
    <xf numFmtId="0" fontId="27" fillId="0" borderId="0" xfId="11" applyFont="1" applyAlignment="1">
      <alignment horizontal="center" vertical="center"/>
    </xf>
    <xf numFmtId="0" fontId="17" fillId="0" borderId="0" xfId="11" applyFont="1" applyAlignment="1">
      <alignment horizontal="center" vertical="center"/>
    </xf>
    <xf numFmtId="0" fontId="28" fillId="0" borderId="0" xfId="11" applyFont="1" applyAlignment="1">
      <alignment horizontal="center" vertical="center"/>
    </xf>
    <xf numFmtId="0" fontId="3" fillId="0" borderId="0" xfId="11" applyFont="1" applyAlignment="1">
      <alignment horizontal="center" vertical="center"/>
    </xf>
    <xf numFmtId="0" fontId="5" fillId="0" borderId="0" xfId="11" applyFont="1" applyAlignment="1">
      <alignment horizontal="distributed" vertical="center" indent="1"/>
    </xf>
    <xf numFmtId="0" fontId="5" fillId="0" borderId="0" xfId="0" applyFont="1" applyAlignment="1">
      <alignment horizontal="distributed" vertical="center" indent="1"/>
    </xf>
    <xf numFmtId="0" fontId="2" fillId="0" borderId="4" xfId="11" applyFont="1" applyBorder="1" applyAlignment="1">
      <alignment horizontal="center" vertical="center"/>
    </xf>
    <xf numFmtId="0" fontId="25" fillId="0" borderId="4" xfId="0" applyFont="1" applyBorder="1" applyAlignment="1">
      <alignment horizontal="left" vertical="center"/>
    </xf>
    <xf numFmtId="0" fontId="6" fillId="0" borderId="13"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15" xfId="0" applyFont="1" applyBorder="1" applyAlignment="1">
      <alignment horizontal="center" vertical="center" wrapText="1"/>
    </xf>
    <xf numFmtId="0" fontId="6" fillId="2" borderId="10"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0" borderId="11" xfId="0" applyFont="1" applyBorder="1" applyAlignment="1">
      <alignment horizontal="center" vertical="center" wrapText="1"/>
    </xf>
    <xf numFmtId="0" fontId="25" fillId="2" borderId="5" xfId="0" applyFont="1" applyFill="1" applyBorder="1" applyAlignment="1">
      <alignment horizontal="center" vertical="center" wrapText="1"/>
    </xf>
    <xf numFmtId="0" fontId="25" fillId="2" borderId="6" xfId="0" applyFont="1" applyFill="1" applyBorder="1" applyAlignment="1">
      <alignment horizontal="center" vertical="center" wrapText="1"/>
    </xf>
    <xf numFmtId="0" fontId="24" fillId="0" borderId="14" xfId="0" applyFont="1" applyFill="1" applyBorder="1" applyAlignment="1">
      <alignment horizontal="left" vertical="top" wrapText="1"/>
    </xf>
    <xf numFmtId="0" fontId="24" fillId="0" borderId="14" xfId="0" applyFont="1" applyFill="1" applyBorder="1" applyAlignment="1">
      <alignment vertical="top" wrapText="1"/>
    </xf>
    <xf numFmtId="0" fontId="24" fillId="0" borderId="14" xfId="0" applyFont="1" applyBorder="1" applyAlignment="1">
      <alignment horizontal="left" vertical="top" wrapText="1"/>
    </xf>
    <xf numFmtId="0" fontId="6" fillId="2" borderId="16"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6" fillId="2" borderId="17" xfId="0" applyFont="1" applyFill="1" applyBorder="1" applyAlignment="1">
      <alignment horizontal="center" vertical="center" wrapText="1"/>
    </xf>
    <xf numFmtId="0" fontId="29" fillId="0" borderId="0" xfId="0" applyFont="1" applyAlignment="1">
      <alignment vertical="center"/>
    </xf>
    <xf numFmtId="0" fontId="24" fillId="0" borderId="19" xfId="0" applyFont="1" applyBorder="1" applyAlignment="1">
      <alignment horizontal="left" vertical="top" wrapText="1"/>
    </xf>
    <xf numFmtId="0" fontId="24" fillId="0" borderId="8" xfId="0" applyFont="1" applyBorder="1" applyAlignment="1">
      <alignment horizontal="left" vertical="top" wrapText="1"/>
    </xf>
    <xf numFmtId="0" fontId="24" fillId="0" borderId="18" xfId="0" applyFont="1" applyBorder="1" applyAlignment="1">
      <alignment horizontal="left" vertical="top" wrapText="1"/>
    </xf>
    <xf numFmtId="0" fontId="24" fillId="0" borderId="5" xfId="0" applyFont="1" applyBorder="1" applyAlignment="1">
      <alignment horizontal="left" vertical="top" wrapText="1"/>
    </xf>
    <xf numFmtId="0" fontId="25" fillId="2" borderId="8" xfId="0" applyFont="1" applyFill="1" applyBorder="1" applyAlignment="1">
      <alignment horizontal="center" vertical="center" wrapText="1"/>
    </xf>
    <xf numFmtId="0" fontId="24" fillId="0" borderId="13" xfId="0" applyFont="1" applyBorder="1" applyAlignment="1">
      <alignment horizontal="left" vertical="top" wrapText="1"/>
    </xf>
    <xf numFmtId="0" fontId="24" fillId="0" borderId="14" xfId="7" applyFont="1" applyFill="1" applyBorder="1" applyAlignment="1">
      <alignment horizontal="left" vertical="top" wrapText="1"/>
    </xf>
    <xf numFmtId="0" fontId="25" fillId="0" borderId="0" xfId="0" applyFont="1" applyBorder="1" applyAlignment="1">
      <alignment horizontal="left" vertical="center"/>
    </xf>
    <xf numFmtId="0" fontId="24" fillId="0" borderId="19" xfId="7" applyFont="1" applyFill="1" applyBorder="1" applyAlignment="1">
      <alignment horizontal="left" vertical="top" wrapText="1"/>
    </xf>
    <xf numFmtId="0" fontId="24" fillId="0" borderId="18" xfId="7" applyFont="1" applyFill="1" applyBorder="1" applyAlignment="1">
      <alignment horizontal="left" vertical="top" wrapText="1"/>
    </xf>
    <xf numFmtId="0" fontId="24" fillId="0" borderId="19" xfId="0" applyFont="1" applyFill="1" applyBorder="1" applyAlignment="1">
      <alignment horizontal="left" vertical="top" wrapText="1"/>
    </xf>
    <xf numFmtId="0" fontId="24" fillId="0" borderId="8" xfId="0" applyFont="1" applyFill="1" applyBorder="1" applyAlignment="1">
      <alignment horizontal="left" vertical="top" wrapText="1"/>
    </xf>
    <xf numFmtId="0" fontId="24" fillId="0" borderId="18" xfId="0" applyFont="1" applyFill="1" applyBorder="1" applyAlignment="1">
      <alignment horizontal="left" vertical="top" wrapText="1"/>
    </xf>
    <xf numFmtId="0" fontId="6" fillId="0" borderId="5" xfId="0" applyFont="1" applyBorder="1" applyAlignment="1">
      <alignment horizontal="center" vertical="center" wrapText="1"/>
    </xf>
    <xf numFmtId="0" fontId="6" fillId="0" borderId="8" xfId="0" applyFont="1" applyBorder="1" applyAlignment="1">
      <alignment horizontal="center" vertical="center" wrapText="1"/>
    </xf>
    <xf numFmtId="0" fontId="6" fillId="0" borderId="6" xfId="0" applyFont="1" applyBorder="1" applyAlignment="1">
      <alignment horizontal="center" vertical="center" wrapText="1"/>
    </xf>
    <xf numFmtId="0" fontId="24" fillId="0" borderId="5" xfId="8" applyFont="1" applyFill="1" applyBorder="1" applyAlignment="1">
      <alignment horizontal="left" vertical="top" wrapText="1" shrinkToFit="1"/>
    </xf>
    <xf numFmtId="0" fontId="24" fillId="0" borderId="18" xfId="8" applyFont="1" applyFill="1" applyBorder="1" applyAlignment="1">
      <alignment horizontal="left" vertical="top" wrapText="1" shrinkToFit="1"/>
    </xf>
    <xf numFmtId="0" fontId="24" fillId="0" borderId="14" xfId="8" applyFont="1" applyFill="1" applyBorder="1" applyAlignment="1">
      <alignment horizontal="left" vertical="top" wrapText="1" shrinkToFit="1"/>
    </xf>
    <xf numFmtId="0" fontId="24" fillId="0" borderId="13" xfId="8" applyFont="1" applyFill="1" applyBorder="1" applyAlignment="1">
      <alignment horizontal="left" vertical="top" wrapText="1" shrinkToFit="1"/>
    </xf>
    <xf numFmtId="0" fontId="24" fillId="0" borderId="19" xfId="8" applyFont="1" applyFill="1" applyBorder="1" applyAlignment="1">
      <alignment horizontal="left" vertical="top" wrapText="1" shrinkToFit="1"/>
    </xf>
    <xf numFmtId="0" fontId="24" fillId="0" borderId="13" xfId="0" applyFont="1" applyFill="1" applyBorder="1" applyAlignment="1">
      <alignment horizontal="left" vertical="top" wrapText="1"/>
    </xf>
    <xf numFmtId="0" fontId="6" fillId="0" borderId="19" xfId="0" applyFont="1" applyBorder="1" applyAlignment="1">
      <alignment horizontal="center" vertical="center" wrapText="1"/>
    </xf>
    <xf numFmtId="0" fontId="36" fillId="0" borderId="0" xfId="0" applyFont="1" applyAlignment="1">
      <alignment vertical="center"/>
    </xf>
    <xf numFmtId="0" fontId="24" fillId="0" borderId="13" xfId="6" applyFont="1" applyFill="1" applyBorder="1" applyAlignment="1">
      <alignment horizontal="left" vertical="top" wrapText="1"/>
    </xf>
    <xf numFmtId="0" fontId="24" fillId="0" borderId="14" xfId="6" applyFont="1" applyFill="1" applyBorder="1" applyAlignment="1">
      <alignment horizontal="left" vertical="top" wrapText="1"/>
    </xf>
    <xf numFmtId="0" fontId="24" fillId="5" borderId="5" xfId="0" applyFont="1" applyFill="1" applyBorder="1" applyAlignment="1">
      <alignment horizontal="left" vertical="top" wrapText="1"/>
    </xf>
    <xf numFmtId="0" fontId="24" fillId="5" borderId="8" xfId="0" applyFont="1" applyFill="1" applyBorder="1" applyAlignment="1">
      <alignment horizontal="left" vertical="top" wrapText="1"/>
    </xf>
    <xf numFmtId="0" fontId="24" fillId="5" borderId="18" xfId="0" applyFont="1" applyFill="1" applyBorder="1" applyAlignment="1">
      <alignment horizontal="left" vertical="top" wrapText="1"/>
    </xf>
    <xf numFmtId="0" fontId="24" fillId="0" borderId="5" xfId="0" applyNumberFormat="1" applyFont="1" applyBorder="1" applyAlignment="1">
      <alignment horizontal="left" vertical="top" wrapText="1"/>
    </xf>
    <xf numFmtId="0" fontId="24" fillId="0" borderId="8" xfId="0" applyNumberFormat="1" applyFont="1" applyBorder="1" applyAlignment="1">
      <alignment horizontal="left" vertical="top" wrapText="1"/>
    </xf>
    <xf numFmtId="0" fontId="24" fillId="0" borderId="18" xfId="0" applyNumberFormat="1" applyFont="1" applyBorder="1" applyAlignment="1">
      <alignment horizontal="left" vertical="top" wrapText="1"/>
    </xf>
    <xf numFmtId="0" fontId="24" fillId="0" borderId="5" xfId="6" applyFont="1" applyFill="1" applyBorder="1" applyAlignment="1">
      <alignment horizontal="left" vertical="top" wrapText="1"/>
    </xf>
    <xf numFmtId="0" fontId="24" fillId="0" borderId="8" xfId="6" applyFont="1" applyFill="1" applyBorder="1" applyAlignment="1">
      <alignment horizontal="left" vertical="top" wrapText="1"/>
    </xf>
    <xf numFmtId="0" fontId="24" fillId="0" borderId="18" xfId="6" applyFont="1" applyFill="1" applyBorder="1" applyAlignment="1">
      <alignment horizontal="left" vertical="top" wrapText="1"/>
    </xf>
    <xf numFmtId="0" fontId="24" fillId="0" borderId="8" xfId="8" applyFont="1" applyFill="1" applyBorder="1" applyAlignment="1">
      <alignment horizontal="left" vertical="top" wrapText="1" shrinkToFit="1"/>
    </xf>
    <xf numFmtId="0" fontId="24" fillId="0" borderId="5" xfId="0" applyFont="1" applyFill="1" applyBorder="1" applyAlignment="1">
      <alignment horizontal="left" vertical="top" wrapText="1"/>
    </xf>
    <xf numFmtId="0" fontId="24" fillId="0" borderId="8" xfId="7" applyFont="1" applyFill="1" applyBorder="1" applyAlignment="1">
      <alignment horizontal="left" vertical="top" wrapText="1"/>
    </xf>
    <xf numFmtId="0" fontId="24" fillId="0" borderId="5" xfId="7" applyFont="1" applyFill="1" applyBorder="1" applyAlignment="1">
      <alignment horizontal="left" vertical="top" wrapText="1"/>
    </xf>
    <xf numFmtId="0" fontId="24" fillId="0" borderId="13" xfId="7" applyFont="1" applyFill="1" applyBorder="1" applyAlignment="1">
      <alignment horizontal="left" vertical="top" wrapText="1"/>
    </xf>
    <xf numFmtId="0" fontId="24" fillId="0" borderId="7" xfId="0" applyFont="1" applyFill="1" applyBorder="1" applyAlignment="1">
      <alignment horizontal="left" vertical="center" wrapText="1"/>
    </xf>
    <xf numFmtId="0" fontId="24" fillId="0" borderId="0" xfId="0" applyFont="1" applyFill="1" applyBorder="1" applyAlignment="1">
      <alignment horizontal="left" vertical="center" wrapText="1"/>
    </xf>
    <xf numFmtId="0" fontId="24" fillId="5" borderId="5" xfId="0" applyFont="1" applyFill="1" applyBorder="1" applyAlignment="1">
      <alignment horizontal="justify" vertical="center"/>
    </xf>
    <xf numFmtId="0" fontId="2" fillId="5" borderId="8" xfId="0" applyFont="1" applyFill="1" applyBorder="1" applyAlignment="1">
      <alignment vertical="center"/>
    </xf>
    <xf numFmtId="0" fontId="2" fillId="5" borderId="6" xfId="0" applyFont="1" applyFill="1" applyBorder="1" applyAlignment="1">
      <alignment vertical="center"/>
    </xf>
    <xf numFmtId="0" fontId="6" fillId="7" borderId="16" xfId="12" applyFont="1" applyFill="1" applyBorder="1" applyAlignment="1">
      <alignment horizontal="center" vertical="center" wrapText="1"/>
    </xf>
    <xf numFmtId="0" fontId="6" fillId="7" borderId="2" xfId="12" applyFont="1" applyFill="1" applyBorder="1" applyAlignment="1">
      <alignment horizontal="center" vertical="center" wrapText="1"/>
    </xf>
    <xf numFmtId="0" fontId="6" fillId="7" borderId="17" xfId="12" applyFont="1" applyFill="1" applyBorder="1" applyAlignment="1">
      <alignment horizontal="center" vertical="center" wrapText="1"/>
    </xf>
    <xf numFmtId="0" fontId="29" fillId="0" borderId="0" xfId="0" applyFont="1" applyAlignment="1">
      <alignment horizontal="left" vertical="center" wrapText="1"/>
    </xf>
    <xf numFmtId="0" fontId="29" fillId="0" borderId="0" xfId="0" applyFont="1" applyAlignment="1">
      <alignment horizontal="left" vertical="center"/>
    </xf>
  </cellXfs>
  <cellStyles count="14">
    <cellStyle name="Calc Currency (0)" xfId="1"/>
    <cellStyle name="Header1" xfId="2"/>
    <cellStyle name="Header2" xfId="3"/>
    <cellStyle name="Normal_#18-Internet" xfId="4"/>
    <cellStyle name="ハイパーリンク" xfId="5" builtinId="8"/>
    <cellStyle name="標準" xfId="0" builtinId="0"/>
    <cellStyle name="標準 2" xfId="11"/>
    <cellStyle name="標準 4" xfId="13"/>
    <cellStyle name="標準_（九州・電気）積算チェックシート15.09.22" xfId="6"/>
    <cellStyle name="標準_Ｅ積算チェックシート" xfId="7"/>
    <cellStyle name="標準_数量基準" xfId="12"/>
    <cellStyle name="標準_積算チェックシート(H19)" xfId="8"/>
    <cellStyle name="標準_積算チェックシート（電気）" xfId="9"/>
    <cellStyle name="未定義" xfId="10"/>
  </cellStyles>
  <dxfs count="0"/>
  <tableStyles count="0" defaultTableStyle="TableStyleMedium9" defaultPivotStyle="PivotStyleLight16"/>
  <colors>
    <mruColors>
      <color rgb="FF0000FF"/>
      <color rgb="FFA6A6A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FF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FF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58"/>
  <sheetViews>
    <sheetView showGridLines="0" tabSelected="1" view="pageBreakPreview" zoomScale="90" zoomScaleNormal="100" zoomScaleSheetLayoutView="90" workbookViewId="0">
      <selection activeCell="E16" sqref="E16"/>
    </sheetView>
  </sheetViews>
  <sheetFormatPr defaultColWidth="9" defaultRowHeight="13.2"/>
  <cols>
    <col min="1" max="1" width="9" style="9"/>
    <col min="2" max="2" width="10.77734375" style="9" customWidth="1"/>
    <col min="3" max="16384" width="9" style="9"/>
  </cols>
  <sheetData>
    <row r="1" spans="1:9">
      <c r="A1" s="1"/>
      <c r="B1" s="2"/>
      <c r="C1" s="2"/>
      <c r="D1" s="2"/>
      <c r="E1" s="2"/>
      <c r="F1" s="2"/>
      <c r="G1" s="2"/>
      <c r="H1" s="2"/>
    </row>
    <row r="2" spans="1:9">
      <c r="A2" s="1"/>
      <c r="B2" s="2"/>
      <c r="C2" s="2"/>
      <c r="D2" s="2"/>
      <c r="E2" s="2"/>
      <c r="F2" s="2"/>
      <c r="G2" s="2"/>
      <c r="H2" s="2"/>
    </row>
    <row r="3" spans="1:9">
      <c r="A3" s="1"/>
      <c r="B3" s="2"/>
      <c r="C3" s="2"/>
      <c r="D3" s="236"/>
      <c r="E3" s="236"/>
      <c r="F3" s="2"/>
      <c r="G3" s="2"/>
      <c r="H3" s="2"/>
    </row>
    <row r="4" spans="1:9">
      <c r="A4" s="1"/>
      <c r="B4" s="2"/>
      <c r="C4" s="2"/>
      <c r="D4" s="236"/>
      <c r="E4" s="236"/>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237" t="s">
        <v>1475</v>
      </c>
      <c r="B9" s="237"/>
      <c r="C9" s="237"/>
      <c r="D9" s="237"/>
      <c r="E9" s="237"/>
      <c r="F9" s="237"/>
      <c r="G9" s="237"/>
      <c r="H9" s="237"/>
      <c r="I9" s="237"/>
    </row>
    <row r="10" spans="1:9">
      <c r="A10" s="3"/>
      <c r="B10" s="2"/>
      <c r="C10" s="2"/>
      <c r="D10" s="2"/>
      <c r="E10" s="2"/>
      <c r="F10" s="2"/>
      <c r="G10" s="2"/>
      <c r="H10" s="2"/>
    </row>
    <row r="11" spans="1:9" ht="16.2">
      <c r="A11" s="238"/>
      <c r="B11" s="238"/>
      <c r="C11" s="238"/>
      <c r="D11" s="238"/>
      <c r="E11" s="238"/>
      <c r="F11" s="238"/>
      <c r="G11" s="238"/>
      <c r="H11" s="238"/>
      <c r="I11" s="238"/>
    </row>
    <row r="12" spans="1:9">
      <c r="A12" s="3"/>
      <c r="B12" s="2"/>
      <c r="C12" s="2"/>
      <c r="D12" s="2"/>
      <c r="E12" s="2"/>
      <c r="F12" s="2"/>
      <c r="G12" s="2"/>
      <c r="H12" s="2"/>
    </row>
    <row r="13" spans="1:9">
      <c r="A13" s="239"/>
      <c r="B13" s="239"/>
      <c r="C13" s="239"/>
      <c r="D13" s="239"/>
      <c r="E13" s="239"/>
      <c r="F13" s="239"/>
      <c r="G13" s="239"/>
      <c r="H13" s="23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240" t="s">
        <v>561</v>
      </c>
      <c r="B18" s="240"/>
      <c r="C18" s="5"/>
      <c r="D18" s="5"/>
      <c r="E18" s="5"/>
      <c r="F18" s="5"/>
      <c r="G18" s="5"/>
      <c r="H18" s="5"/>
    </row>
    <row r="19" spans="1:8" ht="14.4">
      <c r="A19" s="45"/>
      <c r="B19" s="45"/>
      <c r="C19" s="6"/>
      <c r="D19" s="6"/>
      <c r="E19" s="6"/>
      <c r="F19" s="6"/>
      <c r="G19" s="6"/>
      <c r="H19" s="6"/>
    </row>
    <row r="20" spans="1:8" ht="14.4">
      <c r="A20" s="45"/>
      <c r="B20" s="45"/>
      <c r="C20" s="6"/>
      <c r="D20" s="6"/>
      <c r="E20" s="6"/>
      <c r="F20" s="6"/>
      <c r="G20" s="6"/>
      <c r="H20" s="6"/>
    </row>
    <row r="21" spans="1:8" ht="14.4">
      <c r="A21" s="45"/>
      <c r="B21" s="45"/>
      <c r="C21" s="6"/>
      <c r="D21" s="6"/>
      <c r="E21" s="6"/>
      <c r="F21" s="6"/>
      <c r="G21" s="6"/>
      <c r="H21" s="6"/>
    </row>
    <row r="22" spans="1:8" ht="14.25" customHeight="1">
      <c r="A22" s="240" t="s">
        <v>562</v>
      </c>
      <c r="B22" s="240"/>
      <c r="C22" s="5"/>
      <c r="D22" s="5"/>
      <c r="E22" s="5"/>
      <c r="F22" s="5"/>
      <c r="G22" s="5"/>
      <c r="H22" s="5"/>
    </row>
    <row r="23" spans="1:8" ht="14.25" customHeight="1">
      <c r="A23" s="45"/>
      <c r="B23" s="45"/>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25" customHeight="1">
      <c r="A26" s="241" t="s">
        <v>563</v>
      </c>
      <c r="B26" s="241"/>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240" t="s">
        <v>540</v>
      </c>
      <c r="B31" s="24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235" t="s">
        <v>498</v>
      </c>
      <c r="C34" s="235"/>
      <c r="D34" s="235"/>
      <c r="E34" s="242"/>
      <c r="F34" s="242"/>
      <c r="G34" s="242"/>
      <c r="H34" s="242"/>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235" t="s">
        <v>499</v>
      </c>
      <c r="C38" s="235"/>
      <c r="D38" s="235"/>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235" t="s">
        <v>500</v>
      </c>
      <c r="C42" s="235"/>
      <c r="D42" s="235"/>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0"/>
      <c r="B53" s="10"/>
      <c r="C53" s="10"/>
      <c r="D53" s="10"/>
      <c r="E53" s="2"/>
      <c r="F53" s="2"/>
      <c r="G53" s="2"/>
      <c r="H53" s="2"/>
    </row>
    <row r="54" spans="1:8">
      <c r="A54" s="3"/>
      <c r="B54" s="2"/>
      <c r="C54" s="2"/>
      <c r="D54" s="2"/>
      <c r="E54" s="5"/>
      <c r="F54" s="5"/>
      <c r="G54" s="5"/>
      <c r="H54" s="5"/>
    </row>
    <row r="55" spans="1:8" ht="14.4">
      <c r="A55" s="10"/>
      <c r="B55" s="10"/>
      <c r="C55" s="10"/>
      <c r="D55" s="10"/>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6"/>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00B0F0"/>
    <pageSetUpPr fitToPage="1"/>
  </sheetPr>
  <dimension ref="A1:G614"/>
  <sheetViews>
    <sheetView showGridLines="0" view="pageBreakPreview" topLeftCell="A10" zoomScale="115" zoomScaleNormal="115" zoomScaleSheetLayoutView="115" workbookViewId="0">
      <selection activeCell="B28" activeCellId="1" sqref="B17 B28"/>
    </sheetView>
  </sheetViews>
  <sheetFormatPr defaultColWidth="9" defaultRowHeight="13.2"/>
  <cols>
    <col min="1" max="1" width="20" style="49" bestFit="1" customWidth="1"/>
    <col min="2" max="2" width="58.21875" style="49" bestFit="1" customWidth="1"/>
    <col min="3" max="3" width="5.6640625" style="49" customWidth="1"/>
    <col min="4" max="4" width="5.44140625" style="49" bestFit="1" customWidth="1"/>
    <col min="5" max="5" width="3.44140625" style="49" bestFit="1" customWidth="1"/>
    <col min="6" max="6" width="2.44140625" style="49" customWidth="1"/>
    <col min="7" max="16384" width="9" style="49"/>
  </cols>
  <sheetData>
    <row r="1" spans="1:5">
      <c r="A1" s="200"/>
      <c r="B1" s="200"/>
      <c r="C1" s="200"/>
      <c r="D1" s="200"/>
      <c r="E1" s="200" t="s">
        <v>554</v>
      </c>
    </row>
    <row r="2" spans="1:5" ht="6.75" customHeight="1">
      <c r="A2" s="97"/>
    </row>
    <row r="3" spans="1:5" ht="6" customHeight="1">
      <c r="A3" s="97"/>
    </row>
    <row r="4" spans="1:5">
      <c r="A4" s="258" t="s">
        <v>1100</v>
      </c>
      <c r="B4" s="258"/>
      <c r="C4" s="258"/>
      <c r="D4" s="258"/>
      <c r="E4" s="258"/>
    </row>
    <row r="5" spans="1:5" ht="6" customHeight="1"/>
    <row r="6" spans="1:5">
      <c r="A6" s="13" t="s">
        <v>661</v>
      </c>
    </row>
    <row r="7" spans="1:5" ht="13.5" customHeight="1">
      <c r="A7" s="250" t="s">
        <v>542</v>
      </c>
      <c r="B7" s="250" t="s">
        <v>214</v>
      </c>
      <c r="C7" s="247" t="s">
        <v>212</v>
      </c>
      <c r="D7" s="248"/>
      <c r="E7" s="249"/>
    </row>
    <row r="8" spans="1:5">
      <c r="A8" s="251"/>
      <c r="B8" s="251"/>
      <c r="C8" s="99" t="s">
        <v>120</v>
      </c>
      <c r="D8" s="99" t="s">
        <v>121</v>
      </c>
      <c r="E8" s="99" t="s">
        <v>215</v>
      </c>
    </row>
    <row r="9" spans="1:5">
      <c r="A9" s="201" t="s">
        <v>1101</v>
      </c>
      <c r="B9" s="85" t="s">
        <v>1086</v>
      </c>
      <c r="C9" s="109"/>
      <c r="D9" s="109"/>
      <c r="E9" s="244"/>
    </row>
    <row r="10" spans="1:5">
      <c r="A10" s="202"/>
      <c r="B10" s="77" t="s">
        <v>603</v>
      </c>
      <c r="C10" s="78"/>
      <c r="D10" s="157"/>
      <c r="E10" s="245"/>
    </row>
    <row r="11" spans="1:5">
      <c r="A11" s="202"/>
      <c r="B11" s="86" t="s">
        <v>1102</v>
      </c>
      <c r="C11" s="78"/>
      <c r="D11" s="157"/>
      <c r="E11" s="245"/>
    </row>
    <row r="12" spans="1:5">
      <c r="A12" s="202"/>
      <c r="B12" s="77" t="s">
        <v>604</v>
      </c>
      <c r="C12" s="157"/>
      <c r="D12" s="157"/>
      <c r="E12" s="245"/>
    </row>
    <row r="13" spans="1:5">
      <c r="A13" s="202"/>
      <c r="B13" s="77" t="s">
        <v>605</v>
      </c>
      <c r="C13" s="157"/>
      <c r="D13" s="157"/>
      <c r="E13" s="245"/>
    </row>
    <row r="14" spans="1:5">
      <c r="A14" s="202"/>
      <c r="B14" s="77" t="s">
        <v>1494</v>
      </c>
      <c r="C14" s="78"/>
      <c r="D14" s="157"/>
      <c r="E14" s="245"/>
    </row>
    <row r="15" spans="1:5">
      <c r="A15" s="202"/>
      <c r="B15" s="86" t="s">
        <v>1495</v>
      </c>
      <c r="C15" s="78"/>
      <c r="D15" s="157"/>
      <c r="E15" s="245"/>
    </row>
    <row r="16" spans="1:5">
      <c r="A16" s="202"/>
      <c r="B16" s="77" t="s">
        <v>1496</v>
      </c>
      <c r="C16" s="78"/>
      <c r="D16" s="157"/>
      <c r="E16" s="245"/>
    </row>
    <row r="17" spans="1:5">
      <c r="A17" s="202"/>
      <c r="B17" s="77"/>
      <c r="C17" s="78"/>
      <c r="D17" s="157"/>
      <c r="E17" s="245"/>
    </row>
    <row r="18" spans="1:5">
      <c r="A18" s="202"/>
      <c r="B18" s="77" t="s">
        <v>1103</v>
      </c>
      <c r="C18" s="78"/>
      <c r="D18" s="157"/>
      <c r="E18" s="245"/>
    </row>
    <row r="19" spans="1:5">
      <c r="A19" s="202"/>
      <c r="B19" s="77" t="s">
        <v>1497</v>
      </c>
      <c r="C19" s="78"/>
      <c r="D19" s="157"/>
      <c r="E19" s="245"/>
    </row>
    <row r="20" spans="1:5">
      <c r="A20" s="202"/>
      <c r="B20" s="77" t="s">
        <v>1498</v>
      </c>
      <c r="C20" s="78"/>
      <c r="D20" s="157"/>
      <c r="E20" s="245"/>
    </row>
    <row r="21" spans="1:5">
      <c r="A21" s="202"/>
      <c r="B21" s="77" t="s">
        <v>1499</v>
      </c>
      <c r="C21" s="78"/>
      <c r="D21" s="157"/>
      <c r="E21" s="245"/>
    </row>
    <row r="22" spans="1:5">
      <c r="A22" s="202"/>
      <c r="B22" s="77" t="s">
        <v>1500</v>
      </c>
      <c r="C22" s="78"/>
      <c r="D22" s="157"/>
      <c r="E22" s="245"/>
    </row>
    <row r="23" spans="1:5">
      <c r="A23" s="202"/>
      <c r="B23" s="77" t="s">
        <v>1501</v>
      </c>
      <c r="C23" s="101"/>
      <c r="D23" s="157"/>
      <c r="E23" s="245"/>
    </row>
    <row r="24" spans="1:5">
      <c r="A24" s="202"/>
      <c r="B24" s="77" t="s">
        <v>1502</v>
      </c>
      <c r="C24" s="78"/>
      <c r="D24" s="157"/>
      <c r="E24" s="245"/>
    </row>
    <row r="25" spans="1:5">
      <c r="A25" s="202"/>
      <c r="B25" s="77" t="s">
        <v>1467</v>
      </c>
      <c r="C25" s="78"/>
      <c r="D25" s="157"/>
      <c r="E25" s="245"/>
    </row>
    <row r="26" spans="1:5">
      <c r="A26" s="202"/>
      <c r="B26" s="77" t="s">
        <v>1468</v>
      </c>
      <c r="C26" s="101"/>
      <c r="D26" s="157"/>
      <c r="E26" s="245"/>
    </row>
    <row r="27" spans="1:5">
      <c r="A27" s="202"/>
      <c r="B27" s="77"/>
      <c r="C27" s="78"/>
      <c r="D27" s="157"/>
      <c r="E27" s="245"/>
    </row>
    <row r="28" spans="1:5">
      <c r="A28" s="65"/>
      <c r="B28" s="77"/>
      <c r="C28" s="78"/>
      <c r="D28" s="157"/>
      <c r="E28" s="245"/>
    </row>
    <row r="29" spans="1:5">
      <c r="A29" s="11"/>
      <c r="B29" s="169"/>
      <c r="C29" s="78"/>
      <c r="D29" s="157"/>
      <c r="E29" s="245"/>
    </row>
    <row r="30" spans="1:5">
      <c r="A30" s="15"/>
      <c r="B30" s="153"/>
      <c r="C30" s="102"/>
      <c r="D30" s="203"/>
      <c r="E30" s="246"/>
    </row>
    <row r="31" spans="1:5" ht="13.5" customHeight="1">
      <c r="A31" s="18"/>
      <c r="B31" s="204"/>
      <c r="C31" s="103"/>
      <c r="D31" s="205"/>
      <c r="E31" s="103"/>
    </row>
    <row r="32" spans="1:5" ht="13.5" customHeight="1">
      <c r="A32" s="13" t="s">
        <v>1104</v>
      </c>
    </row>
    <row r="33" spans="1:5" ht="13.5" customHeight="1">
      <c r="A33" s="250" t="s">
        <v>542</v>
      </c>
      <c r="B33" s="250" t="s">
        <v>214</v>
      </c>
      <c r="C33" s="247" t="s">
        <v>212</v>
      </c>
      <c r="D33" s="248"/>
      <c r="E33" s="249"/>
    </row>
    <row r="34" spans="1:5" ht="13.5" customHeight="1">
      <c r="A34" s="251"/>
      <c r="B34" s="251"/>
      <c r="C34" s="99" t="s">
        <v>120</v>
      </c>
      <c r="D34" s="99" t="s">
        <v>121</v>
      </c>
      <c r="E34" s="99" t="s">
        <v>215</v>
      </c>
    </row>
    <row r="35" spans="1:5" ht="30" customHeight="1">
      <c r="A35" s="85" t="s">
        <v>606</v>
      </c>
      <c r="B35" s="85" t="s">
        <v>1056</v>
      </c>
      <c r="C35" s="109"/>
      <c r="D35" s="104"/>
      <c r="E35" s="244"/>
    </row>
    <row r="36" spans="1:5" ht="30" customHeight="1">
      <c r="A36" s="86" t="s">
        <v>607</v>
      </c>
      <c r="B36" s="86" t="s">
        <v>663</v>
      </c>
      <c r="C36" s="157"/>
      <c r="D36" s="78"/>
      <c r="E36" s="245"/>
    </row>
    <row r="37" spans="1:5" ht="38.25" customHeight="1">
      <c r="A37" s="86" t="s">
        <v>608</v>
      </c>
      <c r="B37" s="86" t="s">
        <v>609</v>
      </c>
      <c r="C37" s="157"/>
      <c r="D37" s="78"/>
      <c r="E37" s="245"/>
    </row>
    <row r="38" spans="1:5" ht="13.5" customHeight="1">
      <c r="A38" s="86" t="s">
        <v>610</v>
      </c>
      <c r="B38" s="86" t="s">
        <v>611</v>
      </c>
      <c r="C38" s="157"/>
      <c r="D38" s="78"/>
      <c r="E38" s="245"/>
    </row>
    <row r="39" spans="1:5" ht="26.25" customHeight="1">
      <c r="A39" s="86" t="s">
        <v>612</v>
      </c>
      <c r="B39" s="86" t="s">
        <v>613</v>
      </c>
      <c r="C39" s="157"/>
      <c r="D39" s="78"/>
      <c r="E39" s="245"/>
    </row>
    <row r="40" spans="1:5" ht="13.5" customHeight="1">
      <c r="A40" s="86" t="s">
        <v>614</v>
      </c>
      <c r="B40" s="86" t="s">
        <v>615</v>
      </c>
      <c r="C40" s="157"/>
      <c r="D40" s="78"/>
      <c r="E40" s="245"/>
    </row>
    <row r="41" spans="1:5" ht="13.5" customHeight="1">
      <c r="A41" s="11"/>
      <c r="B41" s="86"/>
      <c r="C41" s="157"/>
      <c r="D41" s="78"/>
      <c r="E41" s="245"/>
    </row>
    <row r="42" spans="1:5" ht="13.5" customHeight="1">
      <c r="A42" s="11"/>
      <c r="B42" s="169"/>
      <c r="C42" s="157"/>
      <c r="D42" s="78"/>
      <c r="E42" s="245"/>
    </row>
    <row r="43" spans="1:5" ht="13.5" customHeight="1">
      <c r="A43" s="15"/>
      <c r="B43" s="153"/>
      <c r="C43" s="203"/>
      <c r="D43" s="102"/>
      <c r="E43" s="246"/>
    </row>
    <row r="44" spans="1:5" ht="13.5" customHeight="1">
      <c r="A44" s="18"/>
      <c r="B44" s="204"/>
      <c r="C44" s="103"/>
      <c r="D44" s="205"/>
      <c r="E44" s="103"/>
    </row>
    <row r="45" spans="1:5" ht="13.5" customHeight="1">
      <c r="A45" s="243" t="s">
        <v>1105</v>
      </c>
      <c r="B45" s="243"/>
      <c r="C45" s="108"/>
      <c r="D45" s="108"/>
      <c r="E45" s="108"/>
    </row>
    <row r="46" spans="1:5">
      <c r="A46" s="250" t="s">
        <v>541</v>
      </c>
      <c r="B46" s="250" t="s">
        <v>214</v>
      </c>
      <c r="C46" s="247" t="s">
        <v>212</v>
      </c>
      <c r="D46" s="248"/>
      <c r="E46" s="249"/>
    </row>
    <row r="47" spans="1:5">
      <c r="A47" s="251"/>
      <c r="B47" s="251"/>
      <c r="C47" s="99" t="s">
        <v>120</v>
      </c>
      <c r="D47" s="99" t="s">
        <v>121</v>
      </c>
      <c r="E47" s="99" t="s">
        <v>215</v>
      </c>
    </row>
    <row r="48" spans="1:5">
      <c r="A48" s="85" t="s">
        <v>1051</v>
      </c>
      <c r="B48" s="85" t="s">
        <v>840</v>
      </c>
      <c r="C48" s="104"/>
      <c r="D48" s="109"/>
      <c r="E48" s="244"/>
    </row>
    <row r="49" spans="1:5">
      <c r="A49" s="86" t="s">
        <v>616</v>
      </c>
      <c r="B49" s="86" t="s">
        <v>617</v>
      </c>
      <c r="C49" s="78"/>
      <c r="D49" s="157"/>
      <c r="E49" s="245"/>
    </row>
    <row r="50" spans="1:5">
      <c r="A50" s="86" t="s">
        <v>618</v>
      </c>
      <c r="B50" s="86" t="s">
        <v>619</v>
      </c>
      <c r="C50" s="78"/>
      <c r="D50" s="157"/>
      <c r="E50" s="245"/>
    </row>
    <row r="51" spans="1:5">
      <c r="A51" s="86" t="s">
        <v>620</v>
      </c>
      <c r="B51" s="86" t="s">
        <v>621</v>
      </c>
      <c r="C51" s="78"/>
      <c r="D51" s="157"/>
      <c r="E51" s="245"/>
    </row>
    <row r="52" spans="1:5">
      <c r="A52" s="252" t="s">
        <v>624</v>
      </c>
      <c r="B52" s="86" t="s">
        <v>834</v>
      </c>
      <c r="C52" s="78"/>
      <c r="D52" s="157"/>
      <c r="E52" s="245"/>
    </row>
    <row r="53" spans="1:5">
      <c r="A53" s="252"/>
      <c r="B53" s="86" t="s">
        <v>625</v>
      </c>
      <c r="C53" s="78"/>
      <c r="D53" s="157"/>
      <c r="E53" s="245"/>
    </row>
    <row r="54" spans="1:5">
      <c r="A54" s="252"/>
      <c r="B54" s="86" t="s">
        <v>1057</v>
      </c>
      <c r="C54" s="78"/>
      <c r="D54" s="157"/>
      <c r="E54" s="245"/>
    </row>
    <row r="55" spans="1:5">
      <c r="A55" s="252" t="s">
        <v>626</v>
      </c>
      <c r="B55" s="86" t="s">
        <v>1106</v>
      </c>
      <c r="C55" s="78"/>
      <c r="D55" s="157"/>
      <c r="E55" s="245"/>
    </row>
    <row r="56" spans="1:5">
      <c r="A56" s="252"/>
      <c r="B56" s="86" t="s">
        <v>625</v>
      </c>
      <c r="C56" s="78"/>
      <c r="D56" s="157"/>
      <c r="E56" s="245"/>
    </row>
    <row r="57" spans="1:5">
      <c r="A57" s="252"/>
      <c r="B57" s="86" t="s">
        <v>627</v>
      </c>
      <c r="C57" s="78"/>
      <c r="D57" s="157"/>
      <c r="E57" s="245"/>
    </row>
    <row r="58" spans="1:5">
      <c r="A58" s="252" t="s">
        <v>628</v>
      </c>
      <c r="B58" s="86" t="s">
        <v>659</v>
      </c>
      <c r="C58" s="78"/>
      <c r="D58" s="157"/>
      <c r="E58" s="245"/>
    </row>
    <row r="59" spans="1:5">
      <c r="A59" s="252"/>
      <c r="B59" s="86" t="s">
        <v>625</v>
      </c>
      <c r="C59" s="78"/>
      <c r="D59" s="157"/>
      <c r="E59" s="245"/>
    </row>
    <row r="60" spans="1:5">
      <c r="A60" s="252"/>
      <c r="B60" s="86" t="s">
        <v>629</v>
      </c>
      <c r="C60" s="78"/>
      <c r="D60" s="157"/>
      <c r="E60" s="245"/>
    </row>
    <row r="61" spans="1:5">
      <c r="A61" s="252"/>
      <c r="B61" s="86" t="s">
        <v>658</v>
      </c>
      <c r="C61" s="78"/>
      <c r="D61" s="157"/>
      <c r="E61" s="245"/>
    </row>
    <row r="62" spans="1:5">
      <c r="A62" s="253" t="s">
        <v>630</v>
      </c>
      <c r="B62" s="86" t="s">
        <v>1058</v>
      </c>
      <c r="C62" s="78"/>
      <c r="D62" s="157"/>
      <c r="E62" s="245"/>
    </row>
    <row r="63" spans="1:5">
      <c r="A63" s="253"/>
      <c r="B63" s="86" t="s">
        <v>625</v>
      </c>
      <c r="C63" s="78"/>
      <c r="D63" s="157"/>
      <c r="E63" s="245"/>
    </row>
    <row r="64" spans="1:5">
      <c r="A64" s="253"/>
      <c r="B64" s="86" t="s">
        <v>631</v>
      </c>
      <c r="C64" s="78"/>
      <c r="D64" s="157"/>
      <c r="E64" s="245"/>
    </row>
    <row r="65" spans="1:5">
      <c r="A65" s="253"/>
      <c r="B65" s="86" t="s">
        <v>632</v>
      </c>
      <c r="C65" s="78"/>
      <c r="D65" s="157"/>
      <c r="E65" s="245"/>
    </row>
    <row r="66" spans="1:5">
      <c r="A66" s="77" t="s">
        <v>652</v>
      </c>
      <c r="B66" s="11" t="s">
        <v>1054</v>
      </c>
      <c r="C66" s="78"/>
      <c r="D66" s="157"/>
      <c r="E66" s="245"/>
    </row>
    <row r="67" spans="1:5">
      <c r="A67" s="77" t="s">
        <v>653</v>
      </c>
      <c r="B67" s="34" t="s">
        <v>1107</v>
      </c>
      <c r="C67" s="78"/>
      <c r="D67" s="157"/>
      <c r="E67" s="245"/>
    </row>
    <row r="68" spans="1:5" ht="19.2">
      <c r="A68" s="77" t="s">
        <v>654</v>
      </c>
      <c r="B68" s="11" t="s">
        <v>655</v>
      </c>
      <c r="C68" s="78"/>
      <c r="D68" s="157"/>
      <c r="E68" s="245"/>
    </row>
    <row r="69" spans="1:5">
      <c r="A69" s="77" t="s">
        <v>656</v>
      </c>
      <c r="B69" s="11" t="s">
        <v>206</v>
      </c>
      <c r="C69" s="78"/>
      <c r="D69" s="157"/>
      <c r="E69" s="245"/>
    </row>
    <row r="70" spans="1:5">
      <c r="A70" s="252" t="s">
        <v>639</v>
      </c>
      <c r="B70" s="86" t="s">
        <v>1108</v>
      </c>
      <c r="C70" s="78"/>
      <c r="D70" s="157"/>
      <c r="E70" s="245"/>
    </row>
    <row r="71" spans="1:5">
      <c r="A71" s="252"/>
      <c r="B71" s="86" t="s">
        <v>640</v>
      </c>
      <c r="C71" s="78"/>
      <c r="D71" s="157"/>
      <c r="E71" s="245"/>
    </row>
    <row r="72" spans="1:5">
      <c r="A72" s="252"/>
      <c r="B72" s="77" t="s">
        <v>641</v>
      </c>
      <c r="C72" s="78"/>
      <c r="D72" s="157"/>
      <c r="E72" s="245"/>
    </row>
    <row r="73" spans="1:5">
      <c r="A73" s="269" t="s">
        <v>642</v>
      </c>
      <c r="B73" s="86" t="s">
        <v>1109</v>
      </c>
      <c r="C73" s="78"/>
      <c r="D73" s="157"/>
      <c r="E73" s="245"/>
    </row>
    <row r="74" spans="1:5">
      <c r="A74" s="270"/>
      <c r="B74" s="86" t="s">
        <v>625</v>
      </c>
      <c r="C74" s="78"/>
      <c r="D74" s="157"/>
      <c r="E74" s="245"/>
    </row>
    <row r="75" spans="1:5">
      <c r="A75" s="271"/>
      <c r="B75" s="86" t="s">
        <v>1071</v>
      </c>
      <c r="C75" s="78"/>
      <c r="D75" s="157"/>
      <c r="E75" s="245"/>
    </row>
    <row r="76" spans="1:5">
      <c r="A76" s="252" t="s">
        <v>643</v>
      </c>
      <c r="B76" s="86" t="s">
        <v>1059</v>
      </c>
      <c r="C76" s="78"/>
      <c r="D76" s="157"/>
      <c r="E76" s="245"/>
    </row>
    <row r="77" spans="1:5">
      <c r="A77" s="252"/>
      <c r="B77" s="86" t="s">
        <v>625</v>
      </c>
      <c r="C77" s="78"/>
      <c r="D77" s="157"/>
      <c r="E77" s="245"/>
    </row>
    <row r="78" spans="1:5">
      <c r="A78" s="252"/>
      <c r="B78" s="86" t="s">
        <v>1060</v>
      </c>
      <c r="C78" s="78"/>
      <c r="D78" s="157"/>
      <c r="E78" s="245"/>
    </row>
    <row r="79" spans="1:5">
      <c r="A79" s="252" t="s">
        <v>644</v>
      </c>
      <c r="B79" s="86" t="s">
        <v>1110</v>
      </c>
      <c r="C79" s="78"/>
      <c r="D79" s="157"/>
      <c r="E79" s="245"/>
    </row>
    <row r="80" spans="1:5">
      <c r="A80" s="252"/>
      <c r="B80" s="86" t="s">
        <v>645</v>
      </c>
      <c r="C80" s="78"/>
      <c r="D80" s="157"/>
      <c r="E80" s="245"/>
    </row>
    <row r="81" spans="1:5">
      <c r="A81" s="269" t="s">
        <v>646</v>
      </c>
      <c r="B81" s="106" t="s">
        <v>1072</v>
      </c>
      <c r="C81" s="78"/>
      <c r="D81" s="157"/>
      <c r="E81" s="245"/>
    </row>
    <row r="82" spans="1:5">
      <c r="A82" s="270"/>
      <c r="B82" s="86" t="s">
        <v>1061</v>
      </c>
      <c r="C82" s="78"/>
      <c r="D82" s="157"/>
      <c r="E82" s="245"/>
    </row>
    <row r="83" spans="1:5">
      <c r="A83" s="270"/>
      <c r="B83" s="86" t="s">
        <v>1073</v>
      </c>
      <c r="C83" s="78"/>
      <c r="D83" s="157"/>
      <c r="E83" s="245"/>
    </row>
    <row r="84" spans="1:5" ht="19.2">
      <c r="A84" s="271"/>
      <c r="B84" s="86" t="s">
        <v>1111</v>
      </c>
      <c r="C84" s="78"/>
      <c r="D84" s="157"/>
      <c r="E84" s="245"/>
    </row>
    <row r="85" spans="1:5">
      <c r="A85" s="254" t="s">
        <v>647</v>
      </c>
      <c r="B85" s="11" t="s">
        <v>648</v>
      </c>
      <c r="C85" s="78"/>
      <c r="D85" s="157"/>
      <c r="E85" s="245"/>
    </row>
    <row r="86" spans="1:5">
      <c r="A86" s="254"/>
      <c r="B86" s="11" t="s">
        <v>649</v>
      </c>
      <c r="C86" s="78"/>
      <c r="D86" s="157"/>
      <c r="E86" s="245"/>
    </row>
    <row r="87" spans="1:5">
      <c r="A87" s="254" t="s">
        <v>650</v>
      </c>
      <c r="B87" s="11" t="s">
        <v>651</v>
      </c>
      <c r="C87" s="78"/>
      <c r="D87" s="157"/>
      <c r="E87" s="245"/>
    </row>
    <row r="88" spans="1:5">
      <c r="A88" s="254"/>
      <c r="B88" s="165" t="s">
        <v>1112</v>
      </c>
      <c r="C88" s="78"/>
      <c r="D88" s="157"/>
      <c r="E88" s="245"/>
    </row>
    <row r="89" spans="1:5">
      <c r="A89" s="254" t="s">
        <v>657</v>
      </c>
      <c r="B89" s="11" t="s">
        <v>207</v>
      </c>
      <c r="C89" s="78"/>
      <c r="D89" s="157"/>
      <c r="E89" s="245"/>
    </row>
    <row r="90" spans="1:5">
      <c r="A90" s="254"/>
      <c r="B90" s="11" t="s">
        <v>531</v>
      </c>
      <c r="C90" s="78"/>
      <c r="D90" s="157"/>
      <c r="E90" s="245"/>
    </row>
    <row r="91" spans="1:5">
      <c r="A91" s="86"/>
      <c r="B91" s="77"/>
      <c r="C91" s="78"/>
      <c r="D91" s="157"/>
      <c r="E91" s="245"/>
    </row>
    <row r="92" spans="1:5">
      <c r="A92" s="86"/>
      <c r="B92" s="77"/>
      <c r="C92" s="78"/>
      <c r="D92" s="157"/>
      <c r="E92" s="245"/>
    </row>
    <row r="93" spans="1:5">
      <c r="A93" s="88"/>
      <c r="B93" s="88"/>
      <c r="C93" s="102"/>
      <c r="D93" s="203"/>
      <c r="E93" s="246"/>
    </row>
    <row r="94" spans="1:5">
      <c r="A94" s="206"/>
      <c r="B94" s="206"/>
      <c r="C94" s="103"/>
      <c r="D94" s="205"/>
      <c r="E94" s="103"/>
    </row>
    <row r="95" spans="1:5">
      <c r="A95" s="258" t="s">
        <v>660</v>
      </c>
      <c r="B95" s="258"/>
      <c r="C95" s="258"/>
      <c r="D95" s="258"/>
      <c r="E95" s="258"/>
    </row>
    <row r="96" spans="1:5">
      <c r="A96" s="13" t="s">
        <v>1113</v>
      </c>
      <c r="B96" s="14"/>
      <c r="C96" s="108"/>
      <c r="D96" s="108"/>
      <c r="E96" s="108"/>
    </row>
    <row r="97" spans="1:5">
      <c r="A97" s="13" t="s">
        <v>1114</v>
      </c>
      <c r="B97" s="14"/>
      <c r="C97" s="108"/>
      <c r="D97" s="108"/>
      <c r="E97" s="108"/>
    </row>
    <row r="98" spans="1:5" ht="13.5" customHeight="1">
      <c r="A98" s="250" t="s">
        <v>541</v>
      </c>
      <c r="B98" s="250" t="s">
        <v>214</v>
      </c>
      <c r="C98" s="247" t="s">
        <v>212</v>
      </c>
      <c r="D98" s="248"/>
      <c r="E98" s="249"/>
    </row>
    <row r="99" spans="1:5">
      <c r="A99" s="251"/>
      <c r="B99" s="251"/>
      <c r="C99" s="99" t="s">
        <v>120</v>
      </c>
      <c r="D99" s="99" t="s">
        <v>121</v>
      </c>
      <c r="E99" s="99" t="s">
        <v>215</v>
      </c>
    </row>
    <row r="100" spans="1:5">
      <c r="A100" s="12" t="s">
        <v>1115</v>
      </c>
      <c r="B100" s="12" t="s">
        <v>1116</v>
      </c>
      <c r="C100" s="104"/>
      <c r="D100" s="109"/>
      <c r="E100" s="244"/>
    </row>
    <row r="101" spans="1:5">
      <c r="A101" s="254" t="s">
        <v>442</v>
      </c>
      <c r="B101" s="11" t="s">
        <v>443</v>
      </c>
      <c r="C101" s="78"/>
      <c r="D101" s="157"/>
      <c r="E101" s="245"/>
    </row>
    <row r="102" spans="1:5" ht="14.25" customHeight="1">
      <c r="A102" s="254"/>
      <c r="B102" s="11" t="s">
        <v>444</v>
      </c>
      <c r="C102" s="78"/>
      <c r="D102" s="157"/>
      <c r="E102" s="245"/>
    </row>
    <row r="103" spans="1:5">
      <c r="A103" s="254"/>
      <c r="B103" s="11" t="s">
        <v>662</v>
      </c>
      <c r="C103" s="78"/>
      <c r="D103" s="157"/>
      <c r="E103" s="245"/>
    </row>
    <row r="104" spans="1:5">
      <c r="A104" s="254"/>
      <c r="B104" s="11" t="s">
        <v>445</v>
      </c>
      <c r="C104" s="78"/>
      <c r="D104" s="157"/>
      <c r="E104" s="245"/>
    </row>
    <row r="105" spans="1:5">
      <c r="A105" s="254"/>
      <c r="B105" s="11" t="s">
        <v>1117</v>
      </c>
      <c r="C105" s="78"/>
      <c r="D105" s="157"/>
      <c r="E105" s="245"/>
    </row>
    <row r="106" spans="1:5">
      <c r="A106" s="46"/>
      <c r="B106" s="11"/>
      <c r="C106" s="78"/>
      <c r="D106" s="157"/>
      <c r="E106" s="245"/>
    </row>
    <row r="107" spans="1:5">
      <c r="A107" s="11"/>
      <c r="B107" s="11"/>
      <c r="C107" s="78"/>
      <c r="D107" s="157"/>
      <c r="E107" s="245"/>
    </row>
    <row r="108" spans="1:5">
      <c r="A108" s="15"/>
      <c r="B108" s="15"/>
      <c r="C108" s="102"/>
      <c r="D108" s="203"/>
      <c r="E108" s="246"/>
    </row>
    <row r="109" spans="1:5">
      <c r="A109" s="207"/>
      <c r="B109" s="207"/>
      <c r="C109" s="208"/>
      <c r="D109" s="208"/>
      <c r="E109" s="208"/>
    </row>
    <row r="110" spans="1:5">
      <c r="A110" s="13" t="s">
        <v>1118</v>
      </c>
      <c r="B110" s="14"/>
      <c r="C110" s="108"/>
      <c r="D110" s="108"/>
      <c r="E110" s="108"/>
    </row>
    <row r="111" spans="1:5" ht="13.5" customHeight="1">
      <c r="A111" s="250" t="s">
        <v>541</v>
      </c>
      <c r="B111" s="250" t="s">
        <v>214</v>
      </c>
      <c r="C111" s="247" t="s">
        <v>212</v>
      </c>
      <c r="D111" s="248"/>
      <c r="E111" s="249"/>
    </row>
    <row r="112" spans="1:5">
      <c r="A112" s="251"/>
      <c r="B112" s="251"/>
      <c r="C112" s="99" t="s">
        <v>120</v>
      </c>
      <c r="D112" s="99" t="s">
        <v>121</v>
      </c>
      <c r="E112" s="99" t="s">
        <v>215</v>
      </c>
    </row>
    <row r="113" spans="1:5">
      <c r="A113" s="264" t="s">
        <v>664</v>
      </c>
      <c r="B113" s="12" t="s">
        <v>665</v>
      </c>
      <c r="C113" s="104"/>
      <c r="D113" s="109"/>
      <c r="E113" s="244"/>
    </row>
    <row r="114" spans="1:5">
      <c r="A114" s="254"/>
      <c r="B114" s="11" t="s">
        <v>666</v>
      </c>
      <c r="C114" s="78"/>
      <c r="D114" s="157"/>
      <c r="E114" s="245"/>
    </row>
    <row r="115" spans="1:5">
      <c r="A115" s="254"/>
      <c r="B115" s="11" t="s">
        <v>667</v>
      </c>
      <c r="C115" s="78"/>
      <c r="D115" s="157"/>
      <c r="E115" s="245"/>
    </row>
    <row r="116" spans="1:5">
      <c r="A116" s="254"/>
      <c r="B116" s="11" t="s">
        <v>668</v>
      </c>
      <c r="C116" s="78"/>
      <c r="D116" s="157"/>
      <c r="E116" s="245"/>
    </row>
    <row r="117" spans="1:5" ht="33" customHeight="1">
      <c r="A117" s="254"/>
      <c r="B117" s="11" t="s">
        <v>1119</v>
      </c>
      <c r="C117" s="78"/>
      <c r="D117" s="157"/>
      <c r="E117" s="245"/>
    </row>
    <row r="118" spans="1:5">
      <c r="A118" s="259" t="s">
        <v>425</v>
      </c>
      <c r="B118" s="11" t="s">
        <v>665</v>
      </c>
      <c r="C118" s="78"/>
      <c r="D118" s="157"/>
      <c r="E118" s="245"/>
    </row>
    <row r="119" spans="1:5">
      <c r="A119" s="261"/>
      <c r="B119" s="11" t="s">
        <v>447</v>
      </c>
      <c r="C119" s="78"/>
      <c r="D119" s="157"/>
      <c r="E119" s="245"/>
    </row>
    <row r="120" spans="1:5">
      <c r="A120" s="11"/>
      <c r="B120" s="11"/>
      <c r="C120" s="78"/>
      <c r="D120" s="157"/>
      <c r="E120" s="245"/>
    </row>
    <row r="121" spans="1:5">
      <c r="A121" s="11"/>
      <c r="B121" s="11"/>
      <c r="C121" s="78"/>
      <c r="D121" s="157"/>
      <c r="E121" s="245"/>
    </row>
    <row r="122" spans="1:5">
      <c r="A122" s="15"/>
      <c r="B122" s="15"/>
      <c r="C122" s="102"/>
      <c r="D122" s="203"/>
      <c r="E122" s="246"/>
    </row>
    <row r="123" spans="1:5">
      <c r="A123" s="207"/>
      <c r="B123" s="207"/>
      <c r="C123" s="208"/>
      <c r="D123" s="208"/>
      <c r="E123" s="208"/>
    </row>
    <row r="124" spans="1:5">
      <c r="A124" s="243" t="s">
        <v>1120</v>
      </c>
      <c r="B124" s="243"/>
      <c r="C124" s="108"/>
      <c r="D124" s="108"/>
      <c r="E124" s="108"/>
    </row>
    <row r="125" spans="1:5" ht="13.5" customHeight="1">
      <c r="A125" s="250" t="s">
        <v>1062</v>
      </c>
      <c r="B125" s="250" t="s">
        <v>214</v>
      </c>
      <c r="C125" s="247" t="s">
        <v>212</v>
      </c>
      <c r="D125" s="248"/>
      <c r="E125" s="249"/>
    </row>
    <row r="126" spans="1:5">
      <c r="A126" s="251"/>
      <c r="B126" s="251"/>
      <c r="C126" s="99" t="s">
        <v>120</v>
      </c>
      <c r="D126" s="99" t="s">
        <v>121</v>
      </c>
      <c r="E126" s="99" t="s">
        <v>215</v>
      </c>
    </row>
    <row r="127" spans="1:5">
      <c r="A127" s="264" t="s">
        <v>669</v>
      </c>
      <c r="B127" s="12" t="s">
        <v>670</v>
      </c>
      <c r="C127" s="104"/>
      <c r="D127" s="109"/>
      <c r="E127" s="244"/>
    </row>
    <row r="128" spans="1:5">
      <c r="A128" s="254"/>
      <c r="B128" s="11" t="s">
        <v>671</v>
      </c>
      <c r="C128" s="78"/>
      <c r="D128" s="157"/>
      <c r="E128" s="245"/>
    </row>
    <row r="129" spans="1:5">
      <c r="A129" s="265" t="s">
        <v>435</v>
      </c>
      <c r="B129" s="120" t="s">
        <v>436</v>
      </c>
      <c r="C129" s="78"/>
      <c r="D129" s="157"/>
      <c r="E129" s="245"/>
    </row>
    <row r="130" spans="1:5">
      <c r="A130" s="265"/>
      <c r="B130" s="120" t="s">
        <v>437</v>
      </c>
      <c r="C130" s="78"/>
      <c r="D130" s="157"/>
      <c r="E130" s="245"/>
    </row>
    <row r="131" spans="1:5">
      <c r="A131" s="209"/>
      <c r="B131" s="120"/>
      <c r="C131" s="78"/>
      <c r="D131" s="157"/>
      <c r="E131" s="245"/>
    </row>
    <row r="132" spans="1:5">
      <c r="A132" s="11"/>
      <c r="B132" s="11"/>
      <c r="C132" s="78"/>
      <c r="D132" s="157"/>
      <c r="E132" s="245"/>
    </row>
    <row r="133" spans="1:5">
      <c r="A133" s="15"/>
      <c r="B133" s="15"/>
      <c r="C133" s="102"/>
      <c r="D133" s="203"/>
      <c r="E133" s="246"/>
    </row>
    <row r="134" spans="1:5">
      <c r="A134" s="13"/>
      <c r="B134" s="14"/>
      <c r="C134" s="108"/>
      <c r="D134" s="108"/>
      <c r="E134" s="108"/>
    </row>
    <row r="135" spans="1:5">
      <c r="A135" s="13" t="s">
        <v>1121</v>
      </c>
      <c r="B135" s="14"/>
      <c r="C135" s="108"/>
      <c r="D135" s="108"/>
      <c r="E135" s="108"/>
    </row>
    <row r="136" spans="1:5" ht="13.5" customHeight="1">
      <c r="A136" s="250" t="s">
        <v>541</v>
      </c>
      <c r="B136" s="250" t="s">
        <v>214</v>
      </c>
      <c r="C136" s="255" t="s">
        <v>212</v>
      </c>
      <c r="D136" s="256"/>
      <c r="E136" s="257"/>
    </row>
    <row r="137" spans="1:5">
      <c r="A137" s="251"/>
      <c r="B137" s="251"/>
      <c r="C137" s="99" t="s">
        <v>120</v>
      </c>
      <c r="D137" s="99" t="s">
        <v>121</v>
      </c>
      <c r="E137" s="99" t="s">
        <v>215</v>
      </c>
    </row>
    <row r="138" spans="1:5">
      <c r="A138" s="262" t="s">
        <v>446</v>
      </c>
      <c r="B138" s="12" t="s">
        <v>462</v>
      </c>
      <c r="C138" s="104"/>
      <c r="D138" s="109"/>
      <c r="E138" s="244"/>
    </row>
    <row r="139" spans="1:5">
      <c r="A139" s="260"/>
      <c r="B139" s="11" t="s">
        <v>444</v>
      </c>
      <c r="C139" s="78"/>
      <c r="D139" s="157"/>
      <c r="E139" s="245"/>
    </row>
    <row r="140" spans="1:5">
      <c r="A140" s="260"/>
      <c r="B140" s="11" t="s">
        <v>662</v>
      </c>
      <c r="C140" s="78"/>
      <c r="D140" s="157"/>
      <c r="E140" s="245"/>
    </row>
    <row r="141" spans="1:5">
      <c r="A141" s="260"/>
      <c r="B141" s="11" t="s">
        <v>445</v>
      </c>
      <c r="C141" s="78"/>
      <c r="D141" s="157"/>
      <c r="E141" s="245"/>
    </row>
    <row r="142" spans="1:5" ht="45" customHeight="1">
      <c r="A142" s="261"/>
      <c r="B142" s="11" t="s">
        <v>228</v>
      </c>
      <c r="C142" s="78"/>
      <c r="D142" s="157"/>
      <c r="E142" s="245"/>
    </row>
    <row r="143" spans="1:5">
      <c r="A143" s="11" t="s">
        <v>503</v>
      </c>
      <c r="B143" s="11" t="s">
        <v>672</v>
      </c>
      <c r="C143" s="78"/>
      <c r="D143" s="157"/>
      <c r="E143" s="245"/>
    </row>
    <row r="144" spans="1:5">
      <c r="A144" s="80" t="s">
        <v>504</v>
      </c>
      <c r="B144" s="80" t="s">
        <v>71</v>
      </c>
      <c r="C144" s="78"/>
      <c r="D144" s="157"/>
      <c r="E144" s="245"/>
    </row>
    <row r="145" spans="1:5">
      <c r="A145" s="11"/>
      <c r="B145" s="11"/>
      <c r="C145" s="78"/>
      <c r="D145" s="157"/>
      <c r="E145" s="245"/>
    </row>
    <row r="146" spans="1:5">
      <c r="A146" s="11"/>
      <c r="B146" s="11"/>
      <c r="C146" s="78"/>
      <c r="D146" s="157"/>
      <c r="E146" s="245"/>
    </row>
    <row r="147" spans="1:5">
      <c r="A147" s="15"/>
      <c r="B147" s="15"/>
      <c r="C147" s="102"/>
      <c r="D147" s="203"/>
      <c r="E147" s="246"/>
    </row>
    <row r="148" spans="1:5">
      <c r="A148" s="13"/>
      <c r="B148" s="14"/>
      <c r="C148" s="108"/>
      <c r="D148" s="108"/>
      <c r="E148" s="108"/>
    </row>
    <row r="149" spans="1:5">
      <c r="A149" s="13" t="s">
        <v>1122</v>
      </c>
      <c r="B149" s="14"/>
      <c r="C149" s="108"/>
      <c r="D149" s="108"/>
      <c r="E149" s="108"/>
    </row>
    <row r="150" spans="1:5" ht="13.5" customHeight="1">
      <c r="A150" s="250" t="s">
        <v>541</v>
      </c>
      <c r="B150" s="250" t="s">
        <v>214</v>
      </c>
      <c r="C150" s="247" t="s">
        <v>212</v>
      </c>
      <c r="D150" s="248"/>
      <c r="E150" s="249"/>
    </row>
    <row r="151" spans="1:5">
      <c r="A151" s="251"/>
      <c r="B151" s="251"/>
      <c r="C151" s="99" t="s">
        <v>120</v>
      </c>
      <c r="D151" s="99" t="s">
        <v>121</v>
      </c>
      <c r="E151" s="99" t="s">
        <v>215</v>
      </c>
    </row>
    <row r="152" spans="1:5">
      <c r="A152" s="262" t="s">
        <v>692</v>
      </c>
      <c r="B152" s="12" t="s">
        <v>72</v>
      </c>
      <c r="C152" s="104"/>
      <c r="D152" s="109"/>
      <c r="E152" s="244"/>
    </row>
    <row r="153" spans="1:5">
      <c r="A153" s="260"/>
      <c r="B153" s="11" t="s">
        <v>693</v>
      </c>
      <c r="C153" s="78"/>
      <c r="D153" s="157"/>
      <c r="E153" s="245"/>
    </row>
    <row r="154" spans="1:5">
      <c r="A154" s="261"/>
      <c r="B154" s="11" t="s">
        <v>1087</v>
      </c>
      <c r="C154" s="78"/>
      <c r="D154" s="157"/>
      <c r="E154" s="245"/>
    </row>
    <row r="155" spans="1:5">
      <c r="A155" s="259" t="s">
        <v>448</v>
      </c>
      <c r="B155" s="11" t="s">
        <v>74</v>
      </c>
      <c r="C155" s="78"/>
      <c r="D155" s="157"/>
      <c r="E155" s="245"/>
    </row>
    <row r="156" spans="1:5">
      <c r="A156" s="261"/>
      <c r="B156" s="11" t="s">
        <v>73</v>
      </c>
      <c r="C156" s="78"/>
      <c r="D156" s="157"/>
      <c r="E156" s="245"/>
    </row>
    <row r="157" spans="1:5">
      <c r="A157" s="11" t="s">
        <v>505</v>
      </c>
      <c r="B157" s="11" t="s">
        <v>513</v>
      </c>
      <c r="C157" s="78"/>
      <c r="D157" s="157"/>
      <c r="E157" s="245"/>
    </row>
    <row r="158" spans="1:5">
      <c r="A158" s="11"/>
      <c r="B158" s="11"/>
      <c r="C158" s="78"/>
      <c r="D158" s="157"/>
      <c r="E158" s="245"/>
    </row>
    <row r="159" spans="1:5">
      <c r="A159" s="11"/>
      <c r="B159" s="11"/>
      <c r="C159" s="78"/>
      <c r="D159" s="157"/>
      <c r="E159" s="245"/>
    </row>
    <row r="160" spans="1:5">
      <c r="A160" s="15"/>
      <c r="B160" s="15"/>
      <c r="C160" s="102"/>
      <c r="D160" s="203"/>
      <c r="E160" s="246"/>
    </row>
    <row r="161" spans="1:6">
      <c r="A161" s="210"/>
      <c r="B161" s="210"/>
      <c r="C161" s="211"/>
      <c r="D161" s="211"/>
      <c r="E161" s="211" t="s">
        <v>553</v>
      </c>
    </row>
    <row r="162" spans="1:6">
      <c r="A162" s="13" t="s">
        <v>1123</v>
      </c>
      <c r="B162" s="14"/>
      <c r="C162" s="108"/>
      <c r="D162" s="108"/>
      <c r="E162" s="108"/>
    </row>
    <row r="163" spans="1:6" ht="13.5" customHeight="1">
      <c r="A163" s="250" t="s">
        <v>541</v>
      </c>
      <c r="B163" s="250" t="s">
        <v>214</v>
      </c>
      <c r="C163" s="247" t="s">
        <v>212</v>
      </c>
      <c r="D163" s="248"/>
      <c r="E163" s="249"/>
    </row>
    <row r="164" spans="1:6">
      <c r="A164" s="251"/>
      <c r="B164" s="251"/>
      <c r="C164" s="99" t="s">
        <v>120</v>
      </c>
      <c r="D164" s="99" t="s">
        <v>121</v>
      </c>
      <c r="E164" s="99" t="s">
        <v>215</v>
      </c>
    </row>
    <row r="165" spans="1:6">
      <c r="A165" s="12" t="s">
        <v>694</v>
      </c>
      <c r="B165" s="12" t="s">
        <v>122</v>
      </c>
      <c r="C165" s="104"/>
      <c r="D165" s="109"/>
      <c r="E165" s="244"/>
    </row>
    <row r="166" spans="1:6">
      <c r="A166" s="11" t="s">
        <v>570</v>
      </c>
      <c r="B166" s="11" t="s">
        <v>508</v>
      </c>
      <c r="C166" s="78"/>
      <c r="D166" s="157"/>
      <c r="E166" s="245"/>
    </row>
    <row r="167" spans="1:6">
      <c r="A167" s="11" t="s">
        <v>507</v>
      </c>
      <c r="B167" s="11" t="s">
        <v>509</v>
      </c>
      <c r="C167" s="78"/>
      <c r="D167" s="157"/>
      <c r="E167" s="245"/>
    </row>
    <row r="168" spans="1:6">
      <c r="A168" s="11" t="s">
        <v>695</v>
      </c>
      <c r="B168" s="11" t="s">
        <v>510</v>
      </c>
      <c r="C168" s="78"/>
      <c r="D168" s="157"/>
      <c r="E168" s="245"/>
    </row>
    <row r="169" spans="1:6">
      <c r="A169" s="11" t="s">
        <v>449</v>
      </c>
      <c r="B169" s="11" t="s">
        <v>511</v>
      </c>
      <c r="C169" s="78"/>
      <c r="D169" s="172"/>
      <c r="E169" s="245"/>
    </row>
    <row r="170" spans="1:6">
      <c r="A170" s="11" t="s">
        <v>450</v>
      </c>
      <c r="B170" s="11" t="s">
        <v>696</v>
      </c>
      <c r="C170" s="78"/>
      <c r="D170" s="172"/>
      <c r="E170" s="245"/>
    </row>
    <row r="171" spans="1:6" ht="30" customHeight="1">
      <c r="A171" s="130" t="s">
        <v>426</v>
      </c>
      <c r="B171" s="80" t="s">
        <v>697</v>
      </c>
      <c r="C171" s="78"/>
      <c r="D171" s="172"/>
      <c r="E171" s="245"/>
    </row>
    <row r="172" spans="1:6">
      <c r="A172" s="267" t="s">
        <v>435</v>
      </c>
      <c r="B172" s="120" t="s">
        <v>436</v>
      </c>
      <c r="C172" s="78"/>
      <c r="D172" s="172"/>
      <c r="E172" s="245"/>
    </row>
    <row r="173" spans="1:6">
      <c r="A173" s="268"/>
      <c r="B173" s="120" t="s">
        <v>437</v>
      </c>
      <c r="C173" s="78"/>
      <c r="D173" s="172"/>
      <c r="E173" s="245"/>
    </row>
    <row r="174" spans="1:6">
      <c r="A174" s="11"/>
      <c r="B174" s="11"/>
      <c r="C174" s="78"/>
      <c r="D174" s="172"/>
      <c r="E174" s="245"/>
    </row>
    <row r="175" spans="1:6">
      <c r="A175" s="11"/>
      <c r="B175" s="11"/>
      <c r="C175" s="78"/>
      <c r="D175" s="172"/>
      <c r="E175" s="245"/>
    </row>
    <row r="176" spans="1:6" s="68" customFormat="1">
      <c r="A176" s="212"/>
      <c r="B176" s="82"/>
      <c r="C176" s="102"/>
      <c r="D176" s="213"/>
      <c r="E176" s="246"/>
      <c r="F176" s="49"/>
    </row>
    <row r="177" spans="1:6">
      <c r="A177" s="13"/>
      <c r="B177" s="14"/>
      <c r="C177" s="108"/>
      <c r="D177" s="108"/>
      <c r="E177" s="108"/>
    </row>
    <row r="178" spans="1:6">
      <c r="A178" s="14" t="s">
        <v>1124</v>
      </c>
      <c r="B178" s="14"/>
      <c r="C178" s="108"/>
      <c r="D178" s="108"/>
      <c r="E178" s="108"/>
    </row>
    <row r="179" spans="1:6">
      <c r="A179" s="13" t="s">
        <v>673</v>
      </c>
      <c r="B179" s="14"/>
      <c r="C179" s="108"/>
      <c r="D179" s="108"/>
      <c r="E179" s="108"/>
    </row>
    <row r="180" spans="1:6" ht="13.5" customHeight="1">
      <c r="A180" s="250" t="s">
        <v>541</v>
      </c>
      <c r="B180" s="250" t="s">
        <v>214</v>
      </c>
      <c r="C180" s="247" t="s">
        <v>212</v>
      </c>
      <c r="D180" s="248"/>
      <c r="E180" s="249"/>
    </row>
    <row r="181" spans="1:6">
      <c r="A181" s="251"/>
      <c r="B181" s="251"/>
      <c r="C181" s="99" t="s">
        <v>120</v>
      </c>
      <c r="D181" s="99" t="s">
        <v>121</v>
      </c>
      <c r="E181" s="99" t="s">
        <v>215</v>
      </c>
    </row>
    <row r="182" spans="1:6">
      <c r="A182" s="12" t="s">
        <v>698</v>
      </c>
      <c r="B182" s="12" t="s">
        <v>131</v>
      </c>
      <c r="C182" s="104"/>
      <c r="D182" s="171"/>
      <c r="E182" s="244"/>
    </row>
    <row r="183" spans="1:6">
      <c r="A183" s="11" t="s">
        <v>699</v>
      </c>
      <c r="B183" s="11" t="s">
        <v>132</v>
      </c>
      <c r="C183" s="78"/>
      <c r="D183" s="172"/>
      <c r="E183" s="245"/>
    </row>
    <row r="184" spans="1:6">
      <c r="A184" s="11" t="s">
        <v>700</v>
      </c>
      <c r="B184" s="11" t="s">
        <v>133</v>
      </c>
      <c r="C184" s="78"/>
      <c r="D184" s="172"/>
      <c r="E184" s="245"/>
    </row>
    <row r="185" spans="1:6">
      <c r="A185" s="267" t="s">
        <v>435</v>
      </c>
      <c r="B185" s="120" t="s">
        <v>436</v>
      </c>
      <c r="C185" s="78"/>
      <c r="D185" s="172"/>
      <c r="E185" s="245"/>
    </row>
    <row r="186" spans="1:6">
      <c r="A186" s="268"/>
      <c r="B186" s="120" t="s">
        <v>437</v>
      </c>
      <c r="C186" s="78"/>
      <c r="D186" s="172"/>
      <c r="E186" s="245"/>
    </row>
    <row r="187" spans="1:6">
      <c r="A187" s="11"/>
      <c r="B187" s="11"/>
      <c r="C187" s="78"/>
      <c r="D187" s="172"/>
      <c r="E187" s="245"/>
    </row>
    <row r="188" spans="1:6" s="121" customFormat="1">
      <c r="A188" s="133"/>
      <c r="B188" s="120"/>
      <c r="C188" s="78"/>
      <c r="D188" s="187"/>
      <c r="E188" s="245"/>
      <c r="F188" s="49"/>
    </row>
    <row r="189" spans="1:6" s="121" customFormat="1">
      <c r="A189" s="134"/>
      <c r="B189" s="135"/>
      <c r="C189" s="102"/>
      <c r="D189" s="214"/>
      <c r="E189" s="246"/>
      <c r="F189" s="49"/>
    </row>
    <row r="190" spans="1:6">
      <c r="A190" s="114"/>
      <c r="B190" s="115"/>
      <c r="C190" s="116"/>
      <c r="D190" s="116"/>
      <c r="E190" s="116" t="s">
        <v>553</v>
      </c>
    </row>
    <row r="191" spans="1:6">
      <c r="A191" s="115" t="s">
        <v>674</v>
      </c>
      <c r="B191" s="115"/>
      <c r="C191" s="108"/>
      <c r="D191" s="108"/>
      <c r="E191" s="108"/>
    </row>
    <row r="192" spans="1:6" ht="13.5" customHeight="1">
      <c r="A192" s="250" t="s">
        <v>541</v>
      </c>
      <c r="B192" s="250" t="s">
        <v>214</v>
      </c>
      <c r="C192" s="247" t="s">
        <v>212</v>
      </c>
      <c r="D192" s="248"/>
      <c r="E192" s="249"/>
    </row>
    <row r="193" spans="1:5">
      <c r="A193" s="251"/>
      <c r="B193" s="251"/>
      <c r="C193" s="99" t="s">
        <v>120</v>
      </c>
      <c r="D193" s="99" t="s">
        <v>121</v>
      </c>
      <c r="E193" s="99" t="s">
        <v>215</v>
      </c>
    </row>
    <row r="194" spans="1:5">
      <c r="A194" s="12" t="s">
        <v>701</v>
      </c>
      <c r="B194" s="12" t="s">
        <v>134</v>
      </c>
      <c r="C194" s="215"/>
      <c r="D194" s="171"/>
      <c r="E194" s="244"/>
    </row>
    <row r="195" spans="1:5">
      <c r="A195" s="11" t="s">
        <v>706</v>
      </c>
      <c r="B195" s="11" t="s">
        <v>135</v>
      </c>
      <c r="C195" s="216"/>
      <c r="D195" s="172"/>
      <c r="E195" s="245"/>
    </row>
    <row r="196" spans="1:5">
      <c r="A196" s="11" t="s">
        <v>702</v>
      </c>
      <c r="B196" s="11" t="s">
        <v>136</v>
      </c>
      <c r="C196" s="216"/>
      <c r="D196" s="172"/>
      <c r="E196" s="245"/>
    </row>
    <row r="197" spans="1:5">
      <c r="A197" s="11" t="s">
        <v>452</v>
      </c>
      <c r="B197" s="11" t="s">
        <v>137</v>
      </c>
      <c r="C197" s="216"/>
      <c r="D197" s="172"/>
      <c r="E197" s="245"/>
    </row>
    <row r="198" spans="1:5">
      <c r="A198" s="11" t="s">
        <v>703</v>
      </c>
      <c r="B198" s="11" t="s">
        <v>137</v>
      </c>
      <c r="C198" s="216"/>
      <c r="D198" s="172"/>
      <c r="E198" s="245"/>
    </row>
    <row r="199" spans="1:5">
      <c r="A199" s="11" t="s">
        <v>451</v>
      </c>
      <c r="B199" s="11" t="s">
        <v>138</v>
      </c>
      <c r="C199" s="216"/>
      <c r="D199" s="172"/>
      <c r="E199" s="245"/>
    </row>
    <row r="200" spans="1:5">
      <c r="A200" s="11" t="s">
        <v>454</v>
      </c>
      <c r="B200" s="11" t="s">
        <v>139</v>
      </c>
      <c r="C200" s="216"/>
      <c r="D200" s="172"/>
      <c r="E200" s="245"/>
    </row>
    <row r="201" spans="1:5">
      <c r="A201" s="11" t="s">
        <v>455</v>
      </c>
      <c r="B201" s="11" t="s">
        <v>140</v>
      </c>
      <c r="C201" s="216"/>
      <c r="D201" s="172"/>
      <c r="E201" s="245"/>
    </row>
    <row r="202" spans="1:5">
      <c r="A202" s="11" t="s">
        <v>456</v>
      </c>
      <c r="B202" s="11" t="s">
        <v>137</v>
      </c>
      <c r="C202" s="216"/>
      <c r="D202" s="172"/>
      <c r="E202" s="245"/>
    </row>
    <row r="203" spans="1:5">
      <c r="A203" s="259" t="s">
        <v>704</v>
      </c>
      <c r="B203" s="11" t="s">
        <v>705</v>
      </c>
      <c r="C203" s="216"/>
      <c r="D203" s="172"/>
      <c r="E203" s="245"/>
    </row>
    <row r="204" spans="1:5">
      <c r="A204" s="261"/>
      <c r="B204" s="120" t="s">
        <v>437</v>
      </c>
      <c r="C204" s="216"/>
      <c r="D204" s="172"/>
      <c r="E204" s="245"/>
    </row>
    <row r="205" spans="1:5">
      <c r="A205" s="11"/>
      <c r="B205" s="11"/>
      <c r="C205" s="216"/>
      <c r="D205" s="172"/>
      <c r="E205" s="245"/>
    </row>
    <row r="206" spans="1:5">
      <c r="A206" s="11"/>
      <c r="B206" s="11"/>
      <c r="C206" s="216"/>
      <c r="D206" s="172"/>
      <c r="E206" s="245"/>
    </row>
    <row r="207" spans="1:5">
      <c r="A207" s="15"/>
      <c r="B207" s="15"/>
      <c r="C207" s="217"/>
      <c r="D207" s="182"/>
      <c r="E207" s="246"/>
    </row>
    <row r="208" spans="1:5">
      <c r="A208" s="18"/>
      <c r="B208" s="19"/>
      <c r="C208" s="205"/>
      <c r="D208" s="218"/>
      <c r="E208" s="218"/>
    </row>
    <row r="209" spans="1:5">
      <c r="A209" s="243" t="s">
        <v>1125</v>
      </c>
      <c r="B209" s="243"/>
      <c r="C209" s="108"/>
      <c r="D209" s="108"/>
      <c r="E209" s="108"/>
    </row>
    <row r="210" spans="1:5">
      <c r="A210" s="250" t="s">
        <v>541</v>
      </c>
      <c r="B210" s="250" t="s">
        <v>214</v>
      </c>
      <c r="C210" s="247" t="s">
        <v>212</v>
      </c>
      <c r="D210" s="248"/>
      <c r="E210" s="249"/>
    </row>
    <row r="211" spans="1:5">
      <c r="A211" s="251"/>
      <c r="B211" s="251"/>
      <c r="C211" s="99" t="s">
        <v>120</v>
      </c>
      <c r="D211" s="99" t="s">
        <v>121</v>
      </c>
      <c r="E211" s="99" t="s">
        <v>215</v>
      </c>
    </row>
    <row r="212" spans="1:5">
      <c r="A212" s="12" t="s">
        <v>451</v>
      </c>
      <c r="B212" s="12" t="s">
        <v>707</v>
      </c>
      <c r="C212" s="104"/>
      <c r="D212" s="171"/>
      <c r="E212" s="244"/>
    </row>
    <row r="213" spans="1:5">
      <c r="A213" s="267" t="s">
        <v>435</v>
      </c>
      <c r="B213" s="120" t="s">
        <v>436</v>
      </c>
      <c r="C213" s="78"/>
      <c r="D213" s="172"/>
      <c r="E213" s="245"/>
    </row>
    <row r="214" spans="1:5">
      <c r="A214" s="268"/>
      <c r="B214" s="120" t="s">
        <v>437</v>
      </c>
      <c r="C214" s="78"/>
      <c r="D214" s="172"/>
      <c r="E214" s="245"/>
    </row>
    <row r="215" spans="1:5">
      <c r="A215" s="133"/>
      <c r="B215" s="120"/>
      <c r="C215" s="78"/>
      <c r="D215" s="187"/>
      <c r="E215" s="245"/>
    </row>
    <row r="216" spans="1:5">
      <c r="A216" s="133"/>
      <c r="B216" s="120"/>
      <c r="C216" s="78"/>
      <c r="D216" s="187"/>
      <c r="E216" s="245"/>
    </row>
    <row r="217" spans="1:5">
      <c r="A217" s="134"/>
      <c r="B217" s="135"/>
      <c r="C217" s="102"/>
      <c r="D217" s="214"/>
      <c r="E217" s="246"/>
    </row>
    <row r="218" spans="1:5">
      <c r="A218" s="13"/>
      <c r="B218" s="14"/>
      <c r="C218" s="108"/>
      <c r="D218" s="108"/>
      <c r="E218" s="108" t="s">
        <v>553</v>
      </c>
    </row>
    <row r="219" spans="1:5">
      <c r="A219" s="13" t="s">
        <v>1126</v>
      </c>
      <c r="B219" s="14"/>
      <c r="C219" s="108"/>
      <c r="D219" s="108"/>
      <c r="E219" s="108"/>
    </row>
    <row r="220" spans="1:5">
      <c r="A220" s="13" t="s">
        <v>675</v>
      </c>
      <c r="B220" s="14"/>
      <c r="C220" s="108"/>
      <c r="D220" s="108"/>
      <c r="E220" s="108"/>
    </row>
    <row r="221" spans="1:5" ht="13.5" customHeight="1">
      <c r="A221" s="250" t="s">
        <v>541</v>
      </c>
      <c r="B221" s="250" t="s">
        <v>214</v>
      </c>
      <c r="C221" s="247" t="s">
        <v>212</v>
      </c>
      <c r="D221" s="248"/>
      <c r="E221" s="249"/>
    </row>
    <row r="222" spans="1:5">
      <c r="A222" s="251"/>
      <c r="B222" s="251"/>
      <c r="C222" s="99" t="s">
        <v>120</v>
      </c>
      <c r="D222" s="99" t="s">
        <v>121</v>
      </c>
      <c r="E222" s="99" t="s">
        <v>215</v>
      </c>
    </row>
    <row r="223" spans="1:5">
      <c r="A223" s="12" t="s">
        <v>453</v>
      </c>
      <c r="B223" s="12" t="s">
        <v>134</v>
      </c>
      <c r="C223" s="104"/>
      <c r="D223" s="171"/>
      <c r="E223" s="244"/>
    </row>
    <row r="224" spans="1:5">
      <c r="A224" s="11" t="s">
        <v>458</v>
      </c>
      <c r="B224" s="11" t="s">
        <v>1127</v>
      </c>
      <c r="C224" s="78"/>
      <c r="D224" s="172"/>
      <c r="E224" s="245"/>
    </row>
    <row r="225" spans="1:5">
      <c r="A225" s="11" t="s">
        <v>459</v>
      </c>
      <c r="B225" s="11" t="s">
        <v>235</v>
      </c>
      <c r="C225" s="78"/>
      <c r="D225" s="172"/>
      <c r="E225" s="245"/>
    </row>
    <row r="226" spans="1:5">
      <c r="A226" s="11" t="s">
        <v>460</v>
      </c>
      <c r="B226" s="11" t="s">
        <v>236</v>
      </c>
      <c r="C226" s="78"/>
      <c r="D226" s="172"/>
      <c r="E226" s="245"/>
    </row>
    <row r="227" spans="1:5">
      <c r="A227" s="11" t="s">
        <v>461</v>
      </c>
      <c r="B227" s="11" t="s">
        <v>142</v>
      </c>
      <c r="C227" s="78"/>
      <c r="D227" s="172"/>
      <c r="E227" s="245"/>
    </row>
    <row r="228" spans="1:5">
      <c r="A228" s="11" t="s">
        <v>514</v>
      </c>
      <c r="B228" s="11" t="s">
        <v>708</v>
      </c>
      <c r="C228" s="78"/>
      <c r="D228" s="172"/>
      <c r="E228" s="245"/>
    </row>
    <row r="229" spans="1:5">
      <c r="A229" s="34" t="s">
        <v>709</v>
      </c>
      <c r="B229" s="34" t="s">
        <v>710</v>
      </c>
      <c r="C229" s="78"/>
      <c r="D229" s="172"/>
      <c r="E229" s="245"/>
    </row>
    <row r="230" spans="1:5">
      <c r="A230" s="11" t="s">
        <v>711</v>
      </c>
      <c r="B230" s="11" t="s">
        <v>712</v>
      </c>
      <c r="C230" s="78"/>
      <c r="D230" s="172"/>
      <c r="E230" s="245"/>
    </row>
    <row r="231" spans="1:5">
      <c r="A231" s="11" t="s">
        <v>713</v>
      </c>
      <c r="B231" s="11" t="s">
        <v>715</v>
      </c>
      <c r="C231" s="78"/>
      <c r="D231" s="172"/>
      <c r="E231" s="245"/>
    </row>
    <row r="232" spans="1:5">
      <c r="A232" s="11" t="s">
        <v>52</v>
      </c>
      <c r="B232" s="11" t="s">
        <v>237</v>
      </c>
      <c r="C232" s="78"/>
      <c r="D232" s="172"/>
      <c r="E232" s="245"/>
    </row>
    <row r="233" spans="1:5">
      <c r="A233" s="11" t="s">
        <v>515</v>
      </c>
      <c r="B233" s="11" t="s">
        <v>714</v>
      </c>
      <c r="C233" s="78"/>
      <c r="D233" s="172"/>
      <c r="E233" s="245"/>
    </row>
    <row r="234" spans="1:5">
      <c r="A234" s="259" t="s">
        <v>704</v>
      </c>
      <c r="B234" s="11" t="s">
        <v>705</v>
      </c>
      <c r="C234" s="78"/>
      <c r="D234" s="172"/>
      <c r="E234" s="245"/>
    </row>
    <row r="235" spans="1:5" ht="30" customHeight="1">
      <c r="A235" s="261"/>
      <c r="B235" s="120" t="s">
        <v>1128</v>
      </c>
      <c r="C235" s="78"/>
      <c r="D235" s="172"/>
      <c r="E235" s="245"/>
    </row>
    <row r="236" spans="1:5">
      <c r="A236" s="11"/>
      <c r="B236" s="11"/>
      <c r="C236" s="78"/>
      <c r="D236" s="172"/>
      <c r="E236" s="245"/>
    </row>
    <row r="237" spans="1:5">
      <c r="A237" s="11"/>
      <c r="B237" s="11"/>
      <c r="C237" s="78"/>
      <c r="D237" s="172"/>
      <c r="E237" s="245"/>
    </row>
    <row r="238" spans="1:5">
      <c r="A238" s="15"/>
      <c r="B238" s="15"/>
      <c r="C238" s="102"/>
      <c r="D238" s="182"/>
      <c r="E238" s="246"/>
    </row>
    <row r="239" spans="1:5">
      <c r="A239" s="18"/>
      <c r="B239" s="19"/>
      <c r="C239" s="205"/>
      <c r="D239" s="218"/>
      <c r="E239" s="205"/>
    </row>
    <row r="240" spans="1:5" ht="13.5" customHeight="1">
      <c r="A240" s="13" t="s">
        <v>1129</v>
      </c>
      <c r="B240" s="14"/>
      <c r="C240" s="108"/>
      <c r="D240" s="108"/>
      <c r="E240" s="108"/>
    </row>
    <row r="241" spans="1:5">
      <c r="A241" s="250" t="s">
        <v>541</v>
      </c>
      <c r="B241" s="250" t="s">
        <v>214</v>
      </c>
      <c r="C241" s="255" t="s">
        <v>212</v>
      </c>
      <c r="D241" s="256"/>
      <c r="E241" s="257"/>
    </row>
    <row r="242" spans="1:5">
      <c r="A242" s="251"/>
      <c r="B242" s="251"/>
      <c r="C242" s="99" t="s">
        <v>120</v>
      </c>
      <c r="D242" s="99" t="s">
        <v>121</v>
      </c>
      <c r="E242" s="99" t="s">
        <v>215</v>
      </c>
    </row>
    <row r="243" spans="1:5">
      <c r="A243" s="12" t="s">
        <v>701</v>
      </c>
      <c r="B243" s="12" t="s">
        <v>134</v>
      </c>
      <c r="C243" s="104"/>
      <c r="D243" s="171"/>
      <c r="E243" s="244"/>
    </row>
    <row r="244" spans="1:5">
      <c r="A244" s="11" t="s">
        <v>716</v>
      </c>
      <c r="B244" s="11" t="s">
        <v>717</v>
      </c>
      <c r="C244" s="78"/>
      <c r="D244" s="172"/>
      <c r="E244" s="245"/>
    </row>
    <row r="245" spans="1:5">
      <c r="A245" s="267" t="s">
        <v>435</v>
      </c>
      <c r="B245" s="120" t="s">
        <v>436</v>
      </c>
      <c r="C245" s="78"/>
      <c r="D245" s="172"/>
      <c r="E245" s="245"/>
    </row>
    <row r="246" spans="1:5">
      <c r="A246" s="268"/>
      <c r="B246" s="120" t="s">
        <v>437</v>
      </c>
      <c r="C246" s="78"/>
      <c r="D246" s="172"/>
      <c r="E246" s="245"/>
    </row>
    <row r="247" spans="1:5">
      <c r="A247" s="11"/>
      <c r="B247" s="11"/>
      <c r="C247" s="78"/>
      <c r="D247" s="172"/>
      <c r="E247" s="245"/>
    </row>
    <row r="248" spans="1:5">
      <c r="A248" s="133"/>
      <c r="B248" s="120"/>
      <c r="C248" s="78"/>
      <c r="D248" s="187"/>
      <c r="E248" s="245"/>
    </row>
    <row r="249" spans="1:5">
      <c r="A249" s="134"/>
      <c r="B249" s="135"/>
      <c r="C249" s="102"/>
      <c r="D249" s="214"/>
      <c r="E249" s="246"/>
    </row>
    <row r="250" spans="1:5">
      <c r="A250" s="114"/>
      <c r="B250" s="115"/>
      <c r="C250" s="116"/>
      <c r="D250" s="116"/>
      <c r="E250" s="116"/>
    </row>
    <row r="251" spans="1:5">
      <c r="A251" s="118" t="s">
        <v>1130</v>
      </c>
      <c r="B251" s="118"/>
      <c r="C251" s="108"/>
      <c r="D251" s="108"/>
      <c r="E251" s="108"/>
    </row>
    <row r="252" spans="1:5" ht="13.5" customHeight="1">
      <c r="A252" s="250" t="s">
        <v>541</v>
      </c>
      <c r="B252" s="250" t="s">
        <v>214</v>
      </c>
      <c r="C252" s="247" t="s">
        <v>212</v>
      </c>
      <c r="D252" s="248"/>
      <c r="E252" s="249"/>
    </row>
    <row r="253" spans="1:5">
      <c r="A253" s="251"/>
      <c r="B253" s="251"/>
      <c r="C253" s="99" t="s">
        <v>120</v>
      </c>
      <c r="D253" s="99" t="s">
        <v>121</v>
      </c>
      <c r="E253" s="99" t="s">
        <v>215</v>
      </c>
    </row>
    <row r="254" spans="1:5">
      <c r="A254" s="12" t="s">
        <v>718</v>
      </c>
      <c r="B254" s="12" t="s">
        <v>719</v>
      </c>
      <c r="C254" s="104"/>
      <c r="D254" s="171"/>
      <c r="E254" s="244"/>
    </row>
    <row r="255" spans="1:5">
      <c r="A255" s="11" t="s">
        <v>720</v>
      </c>
      <c r="B255" s="11" t="s">
        <v>1131</v>
      </c>
      <c r="C255" s="78"/>
      <c r="D255" s="172"/>
      <c r="E255" s="245"/>
    </row>
    <row r="256" spans="1:5">
      <c r="A256" s="11" t="s">
        <v>427</v>
      </c>
      <c r="B256" s="11" t="s">
        <v>239</v>
      </c>
      <c r="C256" s="78"/>
      <c r="D256" s="172"/>
      <c r="E256" s="245"/>
    </row>
    <row r="257" spans="1:5">
      <c r="A257" s="11" t="s">
        <v>428</v>
      </c>
      <c r="B257" s="11" t="s">
        <v>239</v>
      </c>
      <c r="C257" s="78"/>
      <c r="D257" s="172"/>
      <c r="E257" s="245"/>
    </row>
    <row r="258" spans="1:5">
      <c r="A258" s="11" t="s">
        <v>240</v>
      </c>
      <c r="B258" s="11" t="s">
        <v>518</v>
      </c>
      <c r="C258" s="78"/>
      <c r="D258" s="172"/>
      <c r="E258" s="245"/>
    </row>
    <row r="259" spans="1:5">
      <c r="A259" s="11" t="s">
        <v>429</v>
      </c>
      <c r="B259" s="11" t="s">
        <v>241</v>
      </c>
      <c r="C259" s="78"/>
      <c r="D259" s="172"/>
      <c r="E259" s="245"/>
    </row>
    <row r="260" spans="1:5">
      <c r="A260" s="11" t="s">
        <v>430</v>
      </c>
      <c r="B260" s="11" t="s">
        <v>242</v>
      </c>
      <c r="C260" s="78"/>
      <c r="D260" s="172"/>
      <c r="E260" s="245"/>
    </row>
    <row r="261" spans="1:5">
      <c r="A261" s="259" t="s">
        <v>704</v>
      </c>
      <c r="B261" s="11" t="s">
        <v>705</v>
      </c>
      <c r="C261" s="78"/>
      <c r="D261" s="172"/>
      <c r="E261" s="245"/>
    </row>
    <row r="262" spans="1:5">
      <c r="A262" s="261"/>
      <c r="B262" s="120" t="s">
        <v>441</v>
      </c>
      <c r="C262" s="78"/>
      <c r="D262" s="172"/>
      <c r="E262" s="245"/>
    </row>
    <row r="263" spans="1:5">
      <c r="A263" s="11"/>
      <c r="B263" s="11"/>
      <c r="C263" s="78"/>
      <c r="D263" s="172"/>
      <c r="E263" s="245"/>
    </row>
    <row r="264" spans="1:5">
      <c r="A264" s="11"/>
      <c r="B264" s="11"/>
      <c r="C264" s="78"/>
      <c r="D264" s="172"/>
      <c r="E264" s="245"/>
    </row>
    <row r="265" spans="1:5">
      <c r="A265" s="15"/>
      <c r="B265" s="15"/>
      <c r="C265" s="102"/>
      <c r="D265" s="182"/>
      <c r="E265" s="246"/>
    </row>
    <row r="266" spans="1:5">
      <c r="A266" s="13"/>
      <c r="B266" s="14"/>
      <c r="C266" s="108"/>
      <c r="D266" s="108"/>
      <c r="E266" s="108" t="s">
        <v>553</v>
      </c>
    </row>
    <row r="267" spans="1:5">
      <c r="A267" s="118" t="s">
        <v>1132</v>
      </c>
      <c r="B267" s="118"/>
      <c r="C267" s="108"/>
      <c r="D267" s="108"/>
      <c r="E267" s="108"/>
    </row>
    <row r="268" spans="1:5" ht="13.5" customHeight="1">
      <c r="A268" s="250" t="s">
        <v>541</v>
      </c>
      <c r="B268" s="250" t="s">
        <v>214</v>
      </c>
      <c r="C268" s="247" t="s">
        <v>212</v>
      </c>
      <c r="D268" s="248"/>
      <c r="E268" s="249"/>
    </row>
    <row r="269" spans="1:5">
      <c r="A269" s="251"/>
      <c r="B269" s="251"/>
      <c r="C269" s="99" t="s">
        <v>120</v>
      </c>
      <c r="D269" s="99" t="s">
        <v>121</v>
      </c>
      <c r="E269" s="99" t="s">
        <v>215</v>
      </c>
    </row>
    <row r="270" spans="1:5" ht="30" customHeight="1">
      <c r="A270" s="12" t="s">
        <v>519</v>
      </c>
      <c r="B270" s="12" t="s">
        <v>721</v>
      </c>
      <c r="C270" s="104"/>
      <c r="D270" s="171"/>
      <c r="E270" s="244"/>
    </row>
    <row r="271" spans="1:5" ht="30" customHeight="1">
      <c r="A271" s="11" t="s">
        <v>230</v>
      </c>
      <c r="B271" s="11" t="s">
        <v>238</v>
      </c>
      <c r="C271" s="78"/>
      <c r="D271" s="172"/>
      <c r="E271" s="245"/>
    </row>
    <row r="272" spans="1:5">
      <c r="A272" s="11" t="s">
        <v>722</v>
      </c>
      <c r="B272" s="11" t="s">
        <v>723</v>
      </c>
      <c r="C272" s="78"/>
      <c r="D272" s="172"/>
      <c r="E272" s="245"/>
    </row>
    <row r="273" spans="1:6">
      <c r="A273" s="259" t="s">
        <v>704</v>
      </c>
      <c r="B273" s="11" t="s">
        <v>705</v>
      </c>
      <c r="C273" s="78"/>
      <c r="D273" s="172"/>
      <c r="E273" s="245"/>
    </row>
    <row r="274" spans="1:6" s="121" customFormat="1">
      <c r="A274" s="261"/>
      <c r="B274" s="120" t="s">
        <v>438</v>
      </c>
      <c r="C274" s="78"/>
      <c r="D274" s="187"/>
      <c r="E274" s="245"/>
      <c r="F274" s="49"/>
    </row>
    <row r="275" spans="1:6" s="121" customFormat="1">
      <c r="A275" s="133"/>
      <c r="B275" s="120"/>
      <c r="C275" s="78"/>
      <c r="D275" s="187"/>
      <c r="E275" s="245"/>
      <c r="F275" s="49"/>
    </row>
    <row r="276" spans="1:6" s="121" customFormat="1">
      <c r="A276" s="133"/>
      <c r="B276" s="120"/>
      <c r="C276" s="78"/>
      <c r="D276" s="187"/>
      <c r="E276" s="245"/>
      <c r="F276" s="49"/>
    </row>
    <row r="277" spans="1:6">
      <c r="A277" s="15"/>
      <c r="B277" s="15"/>
      <c r="C277" s="102"/>
      <c r="D277" s="182"/>
      <c r="E277" s="246"/>
    </row>
    <row r="278" spans="1:6">
      <c r="A278" s="13"/>
      <c r="B278" s="14"/>
      <c r="C278" s="108"/>
      <c r="D278" s="108"/>
      <c r="E278" s="108"/>
    </row>
    <row r="279" spans="1:6">
      <c r="A279" s="118" t="s">
        <v>1133</v>
      </c>
      <c r="B279" s="118"/>
      <c r="C279" s="108"/>
      <c r="D279" s="108"/>
      <c r="E279" s="108"/>
    </row>
    <row r="280" spans="1:6" ht="13.5" customHeight="1">
      <c r="A280" s="250" t="s">
        <v>541</v>
      </c>
      <c r="B280" s="250" t="s">
        <v>214</v>
      </c>
      <c r="C280" s="247" t="s">
        <v>212</v>
      </c>
      <c r="D280" s="248"/>
      <c r="E280" s="249"/>
    </row>
    <row r="281" spans="1:6">
      <c r="A281" s="251"/>
      <c r="B281" s="251"/>
      <c r="C281" s="99" t="s">
        <v>120</v>
      </c>
      <c r="D281" s="99" t="s">
        <v>121</v>
      </c>
      <c r="E281" s="99" t="s">
        <v>215</v>
      </c>
    </row>
    <row r="282" spans="1:6" ht="30" customHeight="1">
      <c r="A282" s="12" t="s">
        <v>724</v>
      </c>
      <c r="B282" s="12" t="s">
        <v>244</v>
      </c>
      <c r="C282" s="104"/>
      <c r="D282" s="171"/>
      <c r="E282" s="244"/>
    </row>
    <row r="283" spans="1:6">
      <c r="A283" s="11" t="s">
        <v>725</v>
      </c>
      <c r="B283" s="11" t="s">
        <v>245</v>
      </c>
      <c r="C283" s="78"/>
      <c r="D283" s="172"/>
      <c r="E283" s="245"/>
    </row>
    <row r="284" spans="1:6">
      <c r="A284" s="11" t="s">
        <v>726</v>
      </c>
      <c r="B284" s="11" t="s">
        <v>245</v>
      </c>
      <c r="C284" s="78"/>
      <c r="D284" s="172"/>
      <c r="E284" s="245"/>
    </row>
    <row r="285" spans="1:6" ht="30" customHeight="1">
      <c r="A285" s="11" t="s">
        <v>727</v>
      </c>
      <c r="B285" s="11" t="s">
        <v>1134</v>
      </c>
      <c r="C285" s="78"/>
      <c r="D285" s="172"/>
      <c r="E285" s="245"/>
    </row>
    <row r="286" spans="1:6">
      <c r="A286" s="11" t="s">
        <v>243</v>
      </c>
      <c r="B286" s="11" t="s">
        <v>246</v>
      </c>
      <c r="C286" s="78"/>
      <c r="D286" s="172"/>
      <c r="E286" s="245"/>
    </row>
    <row r="287" spans="1:6">
      <c r="A287" s="11" t="s">
        <v>247</v>
      </c>
      <c r="B287" s="11" t="s">
        <v>1088</v>
      </c>
      <c r="C287" s="78"/>
      <c r="D287" s="172"/>
      <c r="E287" s="245"/>
    </row>
    <row r="288" spans="1:6">
      <c r="A288" s="11" t="s">
        <v>521</v>
      </c>
      <c r="B288" s="11" t="s">
        <v>248</v>
      </c>
      <c r="C288" s="78"/>
      <c r="D288" s="172"/>
      <c r="E288" s="245"/>
    </row>
    <row r="289" spans="1:5">
      <c r="A289" s="11" t="s">
        <v>130</v>
      </c>
      <c r="B289" s="11" t="s">
        <v>705</v>
      </c>
      <c r="C289" s="78"/>
      <c r="D289" s="172"/>
      <c r="E289" s="245"/>
    </row>
    <row r="290" spans="1:5">
      <c r="A290" s="11"/>
      <c r="B290" s="11"/>
      <c r="C290" s="78"/>
      <c r="D290" s="172"/>
      <c r="E290" s="245"/>
    </row>
    <row r="291" spans="1:5">
      <c r="A291" s="11"/>
      <c r="B291" s="11"/>
      <c r="C291" s="78"/>
      <c r="D291" s="172"/>
      <c r="E291" s="245"/>
    </row>
    <row r="292" spans="1:5">
      <c r="A292" s="15"/>
      <c r="B292" s="15"/>
      <c r="C292" s="102"/>
      <c r="D292" s="182"/>
      <c r="E292" s="246"/>
    </row>
    <row r="293" spans="1:5">
      <c r="A293" s="13"/>
      <c r="B293" s="14"/>
      <c r="C293" s="108"/>
      <c r="D293" s="108"/>
      <c r="E293" s="108" t="s">
        <v>553</v>
      </c>
    </row>
    <row r="294" spans="1:5">
      <c r="A294" s="13" t="s">
        <v>1135</v>
      </c>
      <c r="B294" s="14"/>
      <c r="C294" s="108"/>
      <c r="D294" s="108"/>
      <c r="E294" s="108"/>
    </row>
    <row r="295" spans="1:5" ht="13.5" customHeight="1">
      <c r="A295" s="250" t="s">
        <v>541</v>
      </c>
      <c r="B295" s="250" t="s">
        <v>214</v>
      </c>
      <c r="C295" s="247" t="s">
        <v>212</v>
      </c>
      <c r="D295" s="248"/>
      <c r="E295" s="249"/>
    </row>
    <row r="296" spans="1:5">
      <c r="A296" s="251"/>
      <c r="B296" s="251"/>
      <c r="C296" s="99" t="s">
        <v>120</v>
      </c>
      <c r="D296" s="99" t="s">
        <v>121</v>
      </c>
      <c r="E296" s="99" t="s">
        <v>215</v>
      </c>
    </row>
    <row r="297" spans="1:5">
      <c r="A297" s="262" t="s">
        <v>522</v>
      </c>
      <c r="B297" s="12" t="s">
        <v>728</v>
      </c>
      <c r="C297" s="104"/>
      <c r="D297" s="171"/>
      <c r="E297" s="244"/>
    </row>
    <row r="298" spans="1:5">
      <c r="A298" s="261"/>
      <c r="B298" s="11" t="s">
        <v>46</v>
      </c>
      <c r="C298" s="78"/>
      <c r="D298" s="172"/>
      <c r="E298" s="245"/>
    </row>
    <row r="299" spans="1:5">
      <c r="A299" s="11" t="s">
        <v>149</v>
      </c>
      <c r="B299" s="11" t="s">
        <v>1136</v>
      </c>
      <c r="C299" s="78"/>
      <c r="D299" s="172"/>
      <c r="E299" s="245"/>
    </row>
    <row r="300" spans="1:5">
      <c r="A300" s="11" t="s">
        <v>144</v>
      </c>
      <c r="B300" s="11" t="s">
        <v>145</v>
      </c>
      <c r="C300" s="78"/>
      <c r="D300" s="172"/>
      <c r="E300" s="245"/>
    </row>
    <row r="301" spans="1:5">
      <c r="A301" s="11" t="s">
        <v>146</v>
      </c>
      <c r="B301" s="11" t="s">
        <v>147</v>
      </c>
      <c r="C301" s="78"/>
      <c r="D301" s="172"/>
      <c r="E301" s="245"/>
    </row>
    <row r="302" spans="1:5">
      <c r="A302" s="11" t="s">
        <v>148</v>
      </c>
      <c r="B302" s="11" t="s">
        <v>250</v>
      </c>
      <c r="C302" s="78"/>
      <c r="D302" s="172"/>
      <c r="E302" s="245"/>
    </row>
    <row r="303" spans="1:5">
      <c r="A303" s="11" t="s">
        <v>523</v>
      </c>
      <c r="B303" s="11" t="s">
        <v>150</v>
      </c>
      <c r="C303" s="78"/>
      <c r="D303" s="172"/>
      <c r="E303" s="245"/>
    </row>
    <row r="304" spans="1:5">
      <c r="A304" s="259" t="s">
        <v>130</v>
      </c>
      <c r="B304" s="11" t="s">
        <v>705</v>
      </c>
      <c r="C304" s="78"/>
      <c r="D304" s="172"/>
      <c r="E304" s="245"/>
    </row>
    <row r="305" spans="1:5">
      <c r="A305" s="260"/>
      <c r="B305" s="11" t="s">
        <v>47</v>
      </c>
      <c r="C305" s="78"/>
      <c r="D305" s="172"/>
      <c r="E305" s="245"/>
    </row>
    <row r="306" spans="1:5">
      <c r="A306" s="261"/>
      <c r="B306" s="11" t="s">
        <v>524</v>
      </c>
      <c r="C306" s="78"/>
      <c r="D306" s="172"/>
      <c r="E306" s="245"/>
    </row>
    <row r="307" spans="1:5">
      <c r="A307" s="11"/>
      <c r="B307" s="11"/>
      <c r="C307" s="78"/>
      <c r="D307" s="172"/>
      <c r="E307" s="245"/>
    </row>
    <row r="308" spans="1:5">
      <c r="A308" s="11"/>
      <c r="B308" s="11"/>
      <c r="C308" s="78"/>
      <c r="D308" s="172"/>
      <c r="E308" s="245"/>
    </row>
    <row r="309" spans="1:5">
      <c r="A309" s="15"/>
      <c r="B309" s="15"/>
      <c r="C309" s="102"/>
      <c r="D309" s="182"/>
      <c r="E309" s="246"/>
    </row>
    <row r="310" spans="1:5">
      <c r="A310" s="13"/>
      <c r="B310" s="14"/>
      <c r="C310" s="108"/>
      <c r="D310" s="108"/>
      <c r="E310" s="108"/>
    </row>
    <row r="311" spans="1:5">
      <c r="A311" s="115" t="s">
        <v>1137</v>
      </c>
      <c r="B311" s="115"/>
      <c r="C311" s="108"/>
      <c r="D311" s="108"/>
      <c r="E311" s="108"/>
    </row>
    <row r="312" spans="1:5">
      <c r="A312" s="118" t="s">
        <v>676</v>
      </c>
      <c r="B312" s="118"/>
      <c r="C312" s="108"/>
      <c r="D312" s="108"/>
      <c r="E312" s="108"/>
    </row>
    <row r="313" spans="1:5" ht="13.5" customHeight="1">
      <c r="A313" s="250" t="s">
        <v>541</v>
      </c>
      <c r="B313" s="250" t="s">
        <v>214</v>
      </c>
      <c r="C313" s="247" t="s">
        <v>212</v>
      </c>
      <c r="D313" s="248"/>
      <c r="E313" s="249"/>
    </row>
    <row r="314" spans="1:5">
      <c r="A314" s="251"/>
      <c r="B314" s="251"/>
      <c r="C314" s="99" t="s">
        <v>120</v>
      </c>
      <c r="D314" s="99" t="s">
        <v>121</v>
      </c>
      <c r="E314" s="99" t="s">
        <v>215</v>
      </c>
    </row>
    <row r="315" spans="1:5">
      <c r="A315" s="12" t="s">
        <v>163</v>
      </c>
      <c r="B315" s="12" t="s">
        <v>1138</v>
      </c>
      <c r="C315" s="104"/>
      <c r="D315" s="171"/>
      <c r="E315" s="244"/>
    </row>
    <row r="316" spans="1:5">
      <c r="A316" s="11" t="s">
        <v>251</v>
      </c>
      <c r="B316" s="11" t="s">
        <v>252</v>
      </c>
      <c r="C316" s="78"/>
      <c r="D316" s="172"/>
      <c r="E316" s="245"/>
    </row>
    <row r="317" spans="1:5">
      <c r="A317" s="11" t="s">
        <v>130</v>
      </c>
      <c r="B317" s="11" t="s">
        <v>457</v>
      </c>
      <c r="C317" s="78"/>
      <c r="D317" s="172"/>
      <c r="E317" s="245"/>
    </row>
    <row r="318" spans="1:5">
      <c r="A318" s="11"/>
      <c r="B318" s="11"/>
      <c r="C318" s="78"/>
      <c r="D318" s="172"/>
      <c r="E318" s="245"/>
    </row>
    <row r="319" spans="1:5">
      <c r="A319" s="11"/>
      <c r="B319" s="11"/>
      <c r="C319" s="78"/>
      <c r="D319" s="172"/>
      <c r="E319" s="245"/>
    </row>
    <row r="320" spans="1:5">
      <c r="A320" s="15"/>
      <c r="B320" s="15"/>
      <c r="C320" s="102"/>
      <c r="D320" s="182"/>
      <c r="E320" s="246"/>
    </row>
    <row r="321" spans="1:6">
      <c r="A321" s="13"/>
      <c r="B321" s="14"/>
      <c r="C321" s="108"/>
      <c r="D321" s="108"/>
      <c r="E321" s="108"/>
    </row>
    <row r="322" spans="1:6">
      <c r="A322" s="118" t="s">
        <v>678</v>
      </c>
      <c r="B322" s="118"/>
      <c r="C322" s="108"/>
      <c r="D322" s="108"/>
      <c r="E322" s="108"/>
    </row>
    <row r="323" spans="1:6" ht="13.5" customHeight="1">
      <c r="A323" s="250" t="s">
        <v>541</v>
      </c>
      <c r="B323" s="250" t="s">
        <v>214</v>
      </c>
      <c r="C323" s="247" t="s">
        <v>212</v>
      </c>
      <c r="D323" s="248"/>
      <c r="E323" s="249"/>
    </row>
    <row r="324" spans="1:6">
      <c r="A324" s="251"/>
      <c r="B324" s="251"/>
      <c r="C324" s="99" t="s">
        <v>120</v>
      </c>
      <c r="D324" s="99" t="s">
        <v>121</v>
      </c>
      <c r="E324" s="99" t="s">
        <v>215</v>
      </c>
    </row>
    <row r="325" spans="1:6">
      <c r="A325" s="12" t="s">
        <v>162</v>
      </c>
      <c r="B325" s="12" t="s">
        <v>1138</v>
      </c>
      <c r="C325" s="104"/>
      <c r="D325" s="171"/>
      <c r="E325" s="244"/>
      <c r="F325" s="126"/>
    </row>
    <row r="326" spans="1:6">
      <c r="A326" s="11" t="s">
        <v>230</v>
      </c>
      <c r="B326" s="11" t="s">
        <v>729</v>
      </c>
      <c r="C326" s="78"/>
      <c r="D326" s="172"/>
      <c r="E326" s="245"/>
      <c r="F326" s="126"/>
    </row>
    <row r="327" spans="1:6">
      <c r="A327" s="11" t="s">
        <v>730</v>
      </c>
      <c r="B327" s="11" t="s">
        <v>731</v>
      </c>
      <c r="C327" s="78"/>
      <c r="D327" s="172"/>
      <c r="E327" s="245"/>
      <c r="F327" s="126"/>
    </row>
    <row r="328" spans="1:6">
      <c r="A328" s="11"/>
      <c r="B328" s="11"/>
      <c r="C328" s="78"/>
      <c r="D328" s="172"/>
      <c r="E328" s="245"/>
    </row>
    <row r="329" spans="1:6">
      <c r="A329" s="11"/>
      <c r="B329" s="11"/>
      <c r="C329" s="78"/>
      <c r="D329" s="172"/>
      <c r="E329" s="245"/>
    </row>
    <row r="330" spans="1:6">
      <c r="A330" s="15"/>
      <c r="B330" s="15"/>
      <c r="C330" s="102"/>
      <c r="D330" s="182"/>
      <c r="E330" s="246"/>
    </row>
    <row r="331" spans="1:6">
      <c r="A331" s="13"/>
      <c r="B331" s="14"/>
      <c r="C331" s="108"/>
      <c r="D331" s="108"/>
      <c r="E331" s="108"/>
    </row>
    <row r="332" spans="1:6">
      <c r="A332" s="118" t="s">
        <v>679</v>
      </c>
      <c r="B332" s="118"/>
      <c r="C332" s="108"/>
      <c r="D332" s="108"/>
      <c r="E332" s="108"/>
    </row>
    <row r="333" spans="1:6" ht="13.5" customHeight="1">
      <c r="A333" s="250" t="s">
        <v>541</v>
      </c>
      <c r="B333" s="250" t="s">
        <v>214</v>
      </c>
      <c r="C333" s="247" t="s">
        <v>212</v>
      </c>
      <c r="D333" s="248"/>
      <c r="E333" s="249"/>
    </row>
    <row r="334" spans="1:6">
      <c r="A334" s="251"/>
      <c r="B334" s="251"/>
      <c r="C334" s="99" t="s">
        <v>120</v>
      </c>
      <c r="D334" s="99" t="s">
        <v>121</v>
      </c>
      <c r="E334" s="99" t="s">
        <v>215</v>
      </c>
    </row>
    <row r="335" spans="1:6">
      <c r="A335" s="12" t="s">
        <v>151</v>
      </c>
      <c r="B335" s="12" t="s">
        <v>152</v>
      </c>
      <c r="C335" s="104"/>
      <c r="D335" s="171"/>
      <c r="E335" s="244"/>
    </row>
    <row r="336" spans="1:6">
      <c r="A336" s="11" t="s">
        <v>255</v>
      </c>
      <c r="B336" s="11" t="s">
        <v>732</v>
      </c>
      <c r="C336" s="78"/>
      <c r="D336" s="172"/>
      <c r="E336" s="245"/>
    </row>
    <row r="337" spans="1:5">
      <c r="A337" s="11" t="s">
        <v>733</v>
      </c>
      <c r="B337" s="11" t="s">
        <v>734</v>
      </c>
      <c r="C337" s="78"/>
      <c r="D337" s="172"/>
      <c r="E337" s="245"/>
    </row>
    <row r="338" spans="1:5">
      <c r="A338" s="11"/>
      <c r="B338" s="11"/>
      <c r="C338" s="78"/>
      <c r="D338" s="172"/>
      <c r="E338" s="245"/>
    </row>
    <row r="339" spans="1:5">
      <c r="A339" s="11"/>
      <c r="B339" s="11"/>
      <c r="C339" s="78"/>
      <c r="D339" s="172"/>
      <c r="E339" s="245"/>
    </row>
    <row r="340" spans="1:5">
      <c r="A340" s="15"/>
      <c r="B340" s="15"/>
      <c r="C340" s="102"/>
      <c r="D340" s="182"/>
      <c r="E340" s="246"/>
    </row>
    <row r="341" spans="1:5">
      <c r="A341" s="13"/>
      <c r="B341" s="14"/>
      <c r="C341" s="108"/>
      <c r="D341" s="108"/>
      <c r="E341" s="108" t="s">
        <v>553</v>
      </c>
    </row>
    <row r="342" spans="1:5">
      <c r="A342" s="118" t="s">
        <v>1139</v>
      </c>
      <c r="B342" s="118"/>
      <c r="C342" s="108"/>
      <c r="D342" s="108"/>
      <c r="E342" s="108"/>
    </row>
    <row r="343" spans="1:5" ht="13.5" customHeight="1">
      <c r="A343" s="250" t="s">
        <v>541</v>
      </c>
      <c r="B343" s="250" t="s">
        <v>214</v>
      </c>
      <c r="C343" s="247" t="s">
        <v>212</v>
      </c>
      <c r="D343" s="248"/>
      <c r="E343" s="249"/>
    </row>
    <row r="344" spans="1:5">
      <c r="A344" s="251"/>
      <c r="B344" s="251"/>
      <c r="C344" s="99" t="s">
        <v>120</v>
      </c>
      <c r="D344" s="99" t="s">
        <v>121</v>
      </c>
      <c r="E344" s="99" t="s">
        <v>215</v>
      </c>
    </row>
    <row r="345" spans="1:5">
      <c r="A345" s="12" t="s">
        <v>153</v>
      </c>
      <c r="B345" s="12" t="s">
        <v>737</v>
      </c>
      <c r="C345" s="104"/>
      <c r="D345" s="171"/>
      <c r="E345" s="244"/>
    </row>
    <row r="346" spans="1:5">
      <c r="A346" s="11" t="s">
        <v>154</v>
      </c>
      <c r="B346" s="11" t="s">
        <v>432</v>
      </c>
      <c r="C346" s="78"/>
      <c r="D346" s="172"/>
      <c r="E346" s="245"/>
    </row>
    <row r="347" spans="1:5">
      <c r="A347" s="11" t="s">
        <v>158</v>
      </c>
      <c r="B347" s="11" t="s">
        <v>256</v>
      </c>
      <c r="C347" s="78"/>
      <c r="D347" s="172"/>
      <c r="E347" s="245"/>
    </row>
    <row r="348" spans="1:5">
      <c r="A348" s="11" t="s">
        <v>160</v>
      </c>
      <c r="B348" s="11" t="s">
        <v>257</v>
      </c>
      <c r="C348" s="78"/>
      <c r="D348" s="172"/>
      <c r="E348" s="245"/>
    </row>
    <row r="349" spans="1:5">
      <c r="A349" s="11" t="s">
        <v>258</v>
      </c>
      <c r="B349" s="11" t="s">
        <v>259</v>
      </c>
      <c r="C349" s="78"/>
      <c r="D349" s="172"/>
      <c r="E349" s="245"/>
    </row>
    <row r="350" spans="1:5">
      <c r="A350" s="11" t="s">
        <v>159</v>
      </c>
      <c r="B350" s="11" t="s">
        <v>260</v>
      </c>
      <c r="C350" s="78"/>
      <c r="D350" s="172"/>
      <c r="E350" s="245"/>
    </row>
    <row r="351" spans="1:5">
      <c r="A351" s="11" t="s">
        <v>156</v>
      </c>
      <c r="B351" s="11" t="s">
        <v>1140</v>
      </c>
      <c r="C351" s="78"/>
      <c r="D351" s="172"/>
      <c r="E351" s="245"/>
    </row>
    <row r="352" spans="1:5" ht="53.25" customHeight="1">
      <c r="A352" s="186" t="s">
        <v>1141</v>
      </c>
      <c r="B352" s="186" t="s">
        <v>432</v>
      </c>
      <c r="C352" s="78"/>
      <c r="D352" s="172"/>
      <c r="E352" s="245"/>
    </row>
    <row r="353" spans="1:5">
      <c r="A353" s="11" t="s">
        <v>735</v>
      </c>
      <c r="B353" s="11" t="s">
        <v>261</v>
      </c>
      <c r="C353" s="78"/>
      <c r="D353" s="172"/>
      <c r="E353" s="245"/>
    </row>
    <row r="354" spans="1:5">
      <c r="A354" s="259" t="s">
        <v>130</v>
      </c>
      <c r="B354" s="11" t="s">
        <v>736</v>
      </c>
      <c r="C354" s="78"/>
      <c r="D354" s="172"/>
      <c r="E354" s="245"/>
    </row>
    <row r="355" spans="1:5">
      <c r="A355" s="261"/>
      <c r="B355" s="11" t="s">
        <v>738</v>
      </c>
      <c r="C355" s="78"/>
      <c r="D355" s="172"/>
      <c r="E355" s="245"/>
    </row>
    <row r="356" spans="1:5">
      <c r="A356" s="11"/>
      <c r="B356" s="11"/>
      <c r="C356" s="78"/>
      <c r="D356" s="172"/>
      <c r="E356" s="245"/>
    </row>
    <row r="357" spans="1:5">
      <c r="A357" s="11"/>
      <c r="B357" s="11"/>
      <c r="C357" s="78"/>
      <c r="D357" s="172"/>
      <c r="E357" s="245"/>
    </row>
    <row r="358" spans="1:5">
      <c r="A358" s="15"/>
      <c r="B358" s="15"/>
      <c r="C358" s="102"/>
      <c r="D358" s="182"/>
      <c r="E358" s="246"/>
    </row>
    <row r="359" spans="1:5">
      <c r="A359" s="13"/>
      <c r="B359" s="14"/>
      <c r="C359" s="108"/>
      <c r="D359" s="108"/>
      <c r="E359" s="108"/>
    </row>
    <row r="360" spans="1:5">
      <c r="A360" s="118" t="s">
        <v>1142</v>
      </c>
      <c r="B360" s="118"/>
      <c r="C360" s="108"/>
      <c r="D360" s="108"/>
      <c r="E360" s="108"/>
    </row>
    <row r="361" spans="1:5" ht="13.5" customHeight="1">
      <c r="A361" s="250" t="s">
        <v>541</v>
      </c>
      <c r="B361" s="250" t="s">
        <v>214</v>
      </c>
      <c r="C361" s="247" t="s">
        <v>212</v>
      </c>
      <c r="D361" s="248"/>
      <c r="E361" s="249"/>
    </row>
    <row r="362" spans="1:5">
      <c r="A362" s="251"/>
      <c r="B362" s="251"/>
      <c r="C362" s="99" t="s">
        <v>120</v>
      </c>
      <c r="D362" s="99" t="s">
        <v>121</v>
      </c>
      <c r="E362" s="99" t="s">
        <v>215</v>
      </c>
    </row>
    <row r="363" spans="1:5" ht="30" customHeight="1">
      <c r="A363" s="12" t="s">
        <v>153</v>
      </c>
      <c r="B363" s="12" t="s">
        <v>262</v>
      </c>
      <c r="C363" s="104"/>
      <c r="D363" s="171"/>
      <c r="E363" s="244"/>
    </row>
    <row r="364" spans="1:5">
      <c r="A364" s="11" t="s">
        <v>154</v>
      </c>
      <c r="B364" s="11" t="s">
        <v>155</v>
      </c>
      <c r="C364" s="78"/>
      <c r="D364" s="172"/>
      <c r="E364" s="245"/>
    </row>
    <row r="365" spans="1:5">
      <c r="A365" s="11" t="s">
        <v>156</v>
      </c>
      <c r="B365" s="11" t="s">
        <v>263</v>
      </c>
      <c r="C365" s="78"/>
      <c r="D365" s="172"/>
      <c r="E365" s="245"/>
    </row>
    <row r="366" spans="1:5">
      <c r="A366" s="186" t="s">
        <v>739</v>
      </c>
      <c r="B366" s="186" t="s">
        <v>432</v>
      </c>
      <c r="C366" s="78"/>
      <c r="D366" s="172"/>
      <c r="E366" s="245"/>
    </row>
    <row r="367" spans="1:5">
      <c r="A367" s="11" t="s">
        <v>740</v>
      </c>
      <c r="B367" s="11" t="s">
        <v>741</v>
      </c>
      <c r="C367" s="78"/>
      <c r="D367" s="172"/>
      <c r="E367" s="245"/>
    </row>
    <row r="368" spans="1:5">
      <c r="A368" s="11"/>
      <c r="B368" s="11"/>
      <c r="C368" s="78"/>
      <c r="D368" s="172"/>
      <c r="E368" s="245"/>
    </row>
    <row r="369" spans="1:5">
      <c r="A369" s="11"/>
      <c r="B369" s="11"/>
      <c r="C369" s="78"/>
      <c r="D369" s="172"/>
      <c r="E369" s="245"/>
    </row>
    <row r="370" spans="1:5">
      <c r="A370" s="15"/>
      <c r="B370" s="15"/>
      <c r="C370" s="102"/>
      <c r="D370" s="182"/>
      <c r="E370" s="246"/>
    </row>
    <row r="371" spans="1:5">
      <c r="A371" s="19"/>
      <c r="B371" s="19"/>
      <c r="C371" s="219"/>
      <c r="D371" s="220"/>
      <c r="E371" s="103"/>
    </row>
    <row r="372" spans="1:5">
      <c r="A372" s="115" t="s">
        <v>1143</v>
      </c>
      <c r="B372" s="115"/>
      <c r="C372" s="108"/>
      <c r="D372" s="108"/>
      <c r="E372" s="108"/>
    </row>
    <row r="373" spans="1:5">
      <c r="A373" s="118" t="s">
        <v>677</v>
      </c>
      <c r="B373" s="118"/>
      <c r="C373" s="108"/>
      <c r="D373" s="108"/>
      <c r="E373" s="108"/>
    </row>
    <row r="374" spans="1:5" ht="13.5" customHeight="1">
      <c r="A374" s="250" t="s">
        <v>541</v>
      </c>
      <c r="B374" s="250" t="s">
        <v>214</v>
      </c>
      <c r="C374" s="247" t="s">
        <v>212</v>
      </c>
      <c r="D374" s="248"/>
      <c r="E374" s="249"/>
    </row>
    <row r="375" spans="1:5">
      <c r="A375" s="251"/>
      <c r="B375" s="251"/>
      <c r="C375" s="99" t="s">
        <v>120</v>
      </c>
      <c r="D375" s="99" t="s">
        <v>121</v>
      </c>
      <c r="E375" s="99" t="s">
        <v>215</v>
      </c>
    </row>
    <row r="376" spans="1:5">
      <c r="A376" s="12" t="s">
        <v>265</v>
      </c>
      <c r="B376" s="12" t="s">
        <v>268</v>
      </c>
      <c r="C376" s="104"/>
      <c r="D376" s="171"/>
      <c r="E376" s="244"/>
    </row>
    <row r="377" spans="1:5">
      <c r="A377" s="11" t="s">
        <v>266</v>
      </c>
      <c r="B377" s="11" t="s">
        <v>269</v>
      </c>
      <c r="C377" s="78"/>
      <c r="D377" s="172"/>
      <c r="E377" s="245"/>
    </row>
    <row r="378" spans="1:5">
      <c r="A378" s="11" t="s">
        <v>267</v>
      </c>
      <c r="B378" s="11" t="s">
        <v>376</v>
      </c>
      <c r="C378" s="78"/>
      <c r="D378" s="172"/>
      <c r="E378" s="245"/>
    </row>
    <row r="379" spans="1:5">
      <c r="A379" s="11"/>
      <c r="B379" s="11"/>
      <c r="C379" s="78"/>
      <c r="D379" s="172"/>
      <c r="E379" s="245"/>
    </row>
    <row r="380" spans="1:5">
      <c r="A380" s="11"/>
      <c r="B380" s="11"/>
      <c r="C380" s="78"/>
      <c r="D380" s="172"/>
      <c r="E380" s="245"/>
    </row>
    <row r="381" spans="1:5">
      <c r="A381" s="15"/>
      <c r="B381" s="15"/>
      <c r="C381" s="102"/>
      <c r="D381" s="182"/>
      <c r="E381" s="246"/>
    </row>
    <row r="382" spans="1:5">
      <c r="A382" s="13"/>
      <c r="B382" s="14"/>
      <c r="C382" s="108"/>
      <c r="D382" s="108"/>
      <c r="E382" s="108"/>
    </row>
    <row r="383" spans="1:5">
      <c r="A383" s="118" t="s">
        <v>680</v>
      </c>
      <c r="B383" s="118"/>
      <c r="C383" s="108"/>
      <c r="D383" s="108"/>
      <c r="E383" s="108"/>
    </row>
    <row r="384" spans="1:5" ht="13.5" customHeight="1">
      <c r="A384" s="250" t="s">
        <v>541</v>
      </c>
      <c r="B384" s="250" t="s">
        <v>214</v>
      </c>
      <c r="C384" s="247" t="s">
        <v>212</v>
      </c>
      <c r="D384" s="248"/>
      <c r="E384" s="249"/>
    </row>
    <row r="385" spans="1:6">
      <c r="A385" s="251"/>
      <c r="B385" s="251"/>
      <c r="C385" s="99" t="s">
        <v>120</v>
      </c>
      <c r="D385" s="99" t="s">
        <v>121</v>
      </c>
      <c r="E385" s="99" t="s">
        <v>215</v>
      </c>
    </row>
    <row r="386" spans="1:6" ht="13.5" customHeight="1">
      <c r="A386" s="12" t="s">
        <v>164</v>
      </c>
      <c r="B386" s="12" t="s">
        <v>434</v>
      </c>
      <c r="C386" s="104"/>
      <c r="D386" s="171"/>
      <c r="E386" s="244"/>
    </row>
    <row r="387" spans="1:6" ht="30" customHeight="1">
      <c r="A387" s="120" t="s">
        <v>742</v>
      </c>
      <c r="B387" s="120" t="s">
        <v>743</v>
      </c>
      <c r="C387" s="78"/>
      <c r="D387" s="172"/>
      <c r="E387" s="245"/>
    </row>
    <row r="388" spans="1:6" s="121" customFormat="1">
      <c r="A388" s="11" t="s">
        <v>744</v>
      </c>
      <c r="B388" s="11" t="s">
        <v>745</v>
      </c>
      <c r="C388" s="78"/>
      <c r="D388" s="172"/>
      <c r="E388" s="245"/>
      <c r="F388" s="49"/>
    </row>
    <row r="389" spans="1:6" s="121" customFormat="1">
      <c r="A389" s="120"/>
      <c r="B389" s="120"/>
      <c r="C389" s="78"/>
      <c r="D389" s="221"/>
      <c r="E389" s="245"/>
      <c r="F389" s="49"/>
    </row>
    <row r="390" spans="1:6" s="121" customFormat="1">
      <c r="A390" s="120"/>
      <c r="B390" s="120"/>
      <c r="C390" s="78"/>
      <c r="D390" s="172"/>
      <c r="E390" s="245"/>
      <c r="F390" s="49"/>
    </row>
    <row r="391" spans="1:6" s="121" customFormat="1">
      <c r="A391" s="135"/>
      <c r="B391" s="135"/>
      <c r="C391" s="102"/>
      <c r="D391" s="214"/>
      <c r="E391" s="246"/>
      <c r="F391" s="49"/>
    </row>
    <row r="392" spans="1:6">
      <c r="A392" s="13"/>
      <c r="B392" s="14"/>
      <c r="C392" s="108"/>
      <c r="D392" s="108"/>
      <c r="E392" s="108"/>
    </row>
    <row r="393" spans="1:6">
      <c r="A393" s="118" t="s">
        <v>681</v>
      </c>
      <c r="B393" s="118"/>
      <c r="C393" s="108"/>
      <c r="D393" s="108"/>
      <c r="E393" s="108"/>
    </row>
    <row r="394" spans="1:6" ht="13.5" customHeight="1">
      <c r="A394" s="250" t="s">
        <v>541</v>
      </c>
      <c r="B394" s="250" t="s">
        <v>214</v>
      </c>
      <c r="C394" s="247" t="s">
        <v>212</v>
      </c>
      <c r="D394" s="248"/>
      <c r="E394" s="249"/>
    </row>
    <row r="395" spans="1:6">
      <c r="A395" s="251"/>
      <c r="B395" s="251"/>
      <c r="C395" s="99" t="s">
        <v>120</v>
      </c>
      <c r="D395" s="99" t="s">
        <v>121</v>
      </c>
      <c r="E395" s="99" t="s">
        <v>215</v>
      </c>
    </row>
    <row r="396" spans="1:6">
      <c r="A396" s="12" t="s">
        <v>358</v>
      </c>
      <c r="B396" s="12" t="s">
        <v>1089</v>
      </c>
      <c r="C396" s="104"/>
      <c r="D396" s="171"/>
      <c r="E396" s="244"/>
    </row>
    <row r="397" spans="1:6" ht="42.75" customHeight="1">
      <c r="A397" s="11" t="s">
        <v>746</v>
      </c>
      <c r="B397" s="11" t="s">
        <v>747</v>
      </c>
      <c r="C397" s="78"/>
      <c r="D397" s="172"/>
      <c r="E397" s="245"/>
    </row>
    <row r="398" spans="1:6">
      <c r="A398" s="11"/>
      <c r="B398" s="11"/>
      <c r="C398" s="78"/>
      <c r="D398" s="172"/>
      <c r="E398" s="245"/>
    </row>
    <row r="399" spans="1:6">
      <c r="A399" s="15"/>
      <c r="B399" s="15"/>
      <c r="C399" s="102"/>
      <c r="D399" s="182"/>
      <c r="E399" s="246"/>
    </row>
    <row r="400" spans="1:6">
      <c r="A400" s="13"/>
      <c r="B400" s="14"/>
      <c r="C400" s="108"/>
      <c r="D400" s="108"/>
      <c r="E400" s="108"/>
    </row>
    <row r="401" spans="1:6">
      <c r="A401" s="118" t="s">
        <v>682</v>
      </c>
      <c r="B401" s="118"/>
      <c r="C401" s="108"/>
      <c r="D401" s="108"/>
      <c r="E401" s="108"/>
    </row>
    <row r="402" spans="1:6" ht="13.5" customHeight="1">
      <c r="A402" s="250" t="s">
        <v>541</v>
      </c>
      <c r="B402" s="250" t="s">
        <v>214</v>
      </c>
      <c r="C402" s="247" t="s">
        <v>212</v>
      </c>
      <c r="D402" s="248"/>
      <c r="E402" s="249"/>
    </row>
    <row r="403" spans="1:6">
      <c r="A403" s="251"/>
      <c r="B403" s="251"/>
      <c r="C403" s="99" t="s">
        <v>120</v>
      </c>
      <c r="D403" s="99" t="s">
        <v>121</v>
      </c>
      <c r="E403" s="99" t="s">
        <v>215</v>
      </c>
    </row>
    <row r="404" spans="1:6">
      <c r="A404" s="12" t="s">
        <v>360</v>
      </c>
      <c r="B404" s="12" t="s">
        <v>433</v>
      </c>
      <c r="C404" s="104"/>
      <c r="D404" s="171"/>
      <c r="E404" s="244"/>
    </row>
    <row r="405" spans="1:6">
      <c r="A405" s="11" t="s">
        <v>361</v>
      </c>
      <c r="B405" s="11" t="s">
        <v>433</v>
      </c>
      <c r="C405" s="78"/>
      <c r="D405" s="172"/>
      <c r="E405" s="245"/>
    </row>
    <row r="406" spans="1:6">
      <c r="A406" s="11" t="s">
        <v>377</v>
      </c>
      <c r="B406" s="11" t="s">
        <v>433</v>
      </c>
      <c r="C406" s="78"/>
      <c r="D406" s="172"/>
      <c r="E406" s="245"/>
    </row>
    <row r="407" spans="1:6">
      <c r="A407" s="11"/>
      <c r="B407" s="11"/>
      <c r="C407" s="78"/>
      <c r="D407" s="172"/>
      <c r="E407" s="245"/>
    </row>
    <row r="408" spans="1:6">
      <c r="A408" s="11"/>
      <c r="B408" s="11"/>
      <c r="C408" s="78"/>
      <c r="D408" s="172"/>
      <c r="E408" s="245"/>
    </row>
    <row r="409" spans="1:6">
      <c r="A409" s="15"/>
      <c r="B409" s="15"/>
      <c r="C409" s="102"/>
      <c r="D409" s="182"/>
      <c r="E409" s="246"/>
    </row>
    <row r="410" spans="1:6">
      <c r="A410" s="13"/>
      <c r="B410" s="14"/>
      <c r="C410" s="108"/>
      <c r="D410" s="108"/>
      <c r="E410" s="108"/>
    </row>
    <row r="411" spans="1:6">
      <c r="A411" s="243" t="s">
        <v>1144</v>
      </c>
      <c r="B411" s="243"/>
      <c r="C411" s="108"/>
      <c r="D411" s="108"/>
      <c r="E411" s="108"/>
    </row>
    <row r="412" spans="1:6" ht="13.5" customHeight="1">
      <c r="A412" s="250" t="s">
        <v>541</v>
      </c>
      <c r="B412" s="250" t="s">
        <v>214</v>
      </c>
      <c r="C412" s="247" t="s">
        <v>212</v>
      </c>
      <c r="D412" s="248"/>
      <c r="E412" s="249"/>
    </row>
    <row r="413" spans="1:6">
      <c r="A413" s="263"/>
      <c r="B413" s="263"/>
      <c r="C413" s="184" t="s">
        <v>120</v>
      </c>
      <c r="D413" s="184" t="s">
        <v>121</v>
      </c>
      <c r="E413" s="184" t="s">
        <v>215</v>
      </c>
    </row>
    <row r="414" spans="1:6">
      <c r="A414" s="12" t="s">
        <v>283</v>
      </c>
      <c r="B414" s="12" t="s">
        <v>1145</v>
      </c>
      <c r="C414" s="104"/>
      <c r="D414" s="171"/>
      <c r="E414" s="244"/>
    </row>
    <row r="415" spans="1:6">
      <c r="A415" s="80" t="s">
        <v>750</v>
      </c>
      <c r="B415" s="80" t="s">
        <v>44</v>
      </c>
      <c r="C415" s="78"/>
      <c r="D415" s="172"/>
      <c r="E415" s="245"/>
    </row>
    <row r="416" spans="1:6" s="68" customFormat="1">
      <c r="A416" s="11" t="s">
        <v>284</v>
      </c>
      <c r="B416" s="11" t="s">
        <v>45</v>
      </c>
      <c r="C416" s="78"/>
      <c r="D416" s="172"/>
      <c r="E416" s="245"/>
      <c r="F416" s="49"/>
    </row>
    <row r="417" spans="1:6">
      <c r="A417" s="11" t="s">
        <v>748</v>
      </c>
      <c r="B417" s="11" t="s">
        <v>749</v>
      </c>
      <c r="C417" s="78"/>
      <c r="D417" s="172"/>
      <c r="E417" s="245"/>
    </row>
    <row r="418" spans="1:6">
      <c r="A418" s="11"/>
      <c r="B418" s="11"/>
      <c r="C418" s="78"/>
      <c r="D418" s="172"/>
      <c r="E418" s="245"/>
    </row>
    <row r="419" spans="1:6" s="68" customFormat="1">
      <c r="A419" s="79"/>
      <c r="B419" s="80"/>
      <c r="C419" s="78"/>
      <c r="D419" s="172"/>
      <c r="E419" s="245"/>
      <c r="F419" s="49"/>
    </row>
    <row r="420" spans="1:6">
      <c r="A420" s="15"/>
      <c r="B420" s="15"/>
      <c r="C420" s="102"/>
      <c r="D420" s="182"/>
      <c r="E420" s="246"/>
    </row>
    <row r="421" spans="1:6">
      <c r="A421" s="13"/>
      <c r="B421" s="14"/>
      <c r="C421" s="108"/>
      <c r="D421" s="108"/>
      <c r="E421" s="108" t="s">
        <v>553</v>
      </c>
    </row>
    <row r="422" spans="1:6">
      <c r="A422" s="118" t="s">
        <v>1146</v>
      </c>
      <c r="B422" s="118"/>
      <c r="C422" s="108"/>
      <c r="D422" s="108"/>
      <c r="E422" s="108"/>
    </row>
    <row r="423" spans="1:6" ht="13.5" customHeight="1">
      <c r="A423" s="250" t="s">
        <v>541</v>
      </c>
      <c r="B423" s="250" t="s">
        <v>214</v>
      </c>
      <c r="C423" s="247" t="s">
        <v>212</v>
      </c>
      <c r="D423" s="248"/>
      <c r="E423" s="249"/>
    </row>
    <row r="424" spans="1:6">
      <c r="A424" s="251"/>
      <c r="B424" s="251"/>
      <c r="C424" s="99" t="s">
        <v>120</v>
      </c>
      <c r="D424" s="99" t="s">
        <v>121</v>
      </c>
      <c r="E424" s="99" t="s">
        <v>215</v>
      </c>
    </row>
    <row r="425" spans="1:6">
      <c r="A425" s="12" t="s">
        <v>751</v>
      </c>
      <c r="B425" s="12" t="s">
        <v>753</v>
      </c>
      <c r="C425" s="104"/>
      <c r="D425" s="171"/>
      <c r="E425" s="244"/>
    </row>
    <row r="426" spans="1:6">
      <c r="A426" s="11" t="s">
        <v>528</v>
      </c>
      <c r="B426" s="11" t="s">
        <v>1147</v>
      </c>
      <c r="C426" s="78"/>
      <c r="D426" s="172"/>
      <c r="E426" s="245"/>
    </row>
    <row r="427" spans="1:6">
      <c r="A427" s="11" t="s">
        <v>364</v>
      </c>
      <c r="B427" s="11" t="s">
        <v>1090</v>
      </c>
      <c r="C427" s="78"/>
      <c r="D427" s="172"/>
      <c r="E427" s="245"/>
    </row>
    <row r="428" spans="1:6">
      <c r="A428" s="11" t="s">
        <v>229</v>
      </c>
      <c r="B428" s="11" t="s">
        <v>233</v>
      </c>
      <c r="C428" s="78"/>
      <c r="D428" s="172"/>
      <c r="E428" s="245"/>
    </row>
    <row r="429" spans="1:6">
      <c r="A429" s="11" t="s">
        <v>752</v>
      </c>
      <c r="B429" s="11" t="s">
        <v>234</v>
      </c>
      <c r="C429" s="78"/>
      <c r="D429" s="172"/>
      <c r="E429" s="245"/>
    </row>
    <row r="430" spans="1:6" ht="30" customHeight="1">
      <c r="A430" s="11" t="s">
        <v>231</v>
      </c>
      <c r="B430" s="11" t="s">
        <v>1091</v>
      </c>
      <c r="C430" s="78"/>
      <c r="D430" s="172"/>
      <c r="E430" s="245"/>
    </row>
    <row r="431" spans="1:6">
      <c r="A431" s="11" t="s">
        <v>232</v>
      </c>
      <c r="B431" s="11" t="s">
        <v>754</v>
      </c>
      <c r="C431" s="78"/>
      <c r="D431" s="172"/>
      <c r="E431" s="245"/>
    </row>
    <row r="432" spans="1:6">
      <c r="A432" s="11" t="s">
        <v>521</v>
      </c>
      <c r="B432" s="11" t="s">
        <v>248</v>
      </c>
      <c r="C432" s="78"/>
      <c r="D432" s="172"/>
      <c r="E432" s="245"/>
    </row>
    <row r="433" spans="1:5">
      <c r="A433" s="11" t="s">
        <v>740</v>
      </c>
      <c r="B433" s="11" t="s">
        <v>741</v>
      </c>
      <c r="C433" s="78"/>
      <c r="D433" s="172"/>
      <c r="E433" s="245"/>
    </row>
    <row r="434" spans="1:5">
      <c r="A434" s="11"/>
      <c r="B434" s="11"/>
      <c r="C434" s="78"/>
      <c r="D434" s="172"/>
      <c r="E434" s="245"/>
    </row>
    <row r="435" spans="1:5">
      <c r="A435" s="11"/>
      <c r="B435" s="11"/>
      <c r="C435" s="78"/>
      <c r="D435" s="172"/>
      <c r="E435" s="245"/>
    </row>
    <row r="436" spans="1:5">
      <c r="A436" s="15"/>
      <c r="B436" s="15"/>
      <c r="C436" s="102"/>
      <c r="D436" s="182"/>
      <c r="E436" s="246"/>
    </row>
    <row r="437" spans="1:5">
      <c r="A437" s="18"/>
      <c r="B437" s="18"/>
      <c r="C437" s="103"/>
      <c r="D437" s="181"/>
      <c r="E437" s="181"/>
    </row>
    <row r="438" spans="1:5">
      <c r="A438" s="118" t="s">
        <v>1148</v>
      </c>
      <c r="B438" s="118"/>
      <c r="C438" s="108"/>
      <c r="D438" s="108"/>
      <c r="E438" s="108"/>
    </row>
    <row r="439" spans="1:5" ht="13.5" customHeight="1">
      <c r="A439" s="250" t="s">
        <v>541</v>
      </c>
      <c r="B439" s="250" t="s">
        <v>214</v>
      </c>
      <c r="C439" s="247" t="s">
        <v>212</v>
      </c>
      <c r="D439" s="248"/>
      <c r="E439" s="249"/>
    </row>
    <row r="440" spans="1:5">
      <c r="A440" s="251"/>
      <c r="B440" s="251"/>
      <c r="C440" s="99" t="s">
        <v>120</v>
      </c>
      <c r="D440" s="99" t="s">
        <v>121</v>
      </c>
      <c r="E440" s="99" t="s">
        <v>215</v>
      </c>
    </row>
    <row r="441" spans="1:5">
      <c r="A441" s="12" t="s">
        <v>1149</v>
      </c>
      <c r="B441" s="12" t="s">
        <v>755</v>
      </c>
      <c r="C441" s="104"/>
      <c r="D441" s="171"/>
      <c r="E441" s="244"/>
    </row>
    <row r="442" spans="1:5">
      <c r="A442" s="11" t="s">
        <v>366</v>
      </c>
      <c r="B442" s="11" t="s">
        <v>1150</v>
      </c>
      <c r="C442" s="78"/>
      <c r="D442" s="172"/>
      <c r="E442" s="245"/>
    </row>
    <row r="443" spans="1:5">
      <c r="A443" s="11" t="s">
        <v>367</v>
      </c>
      <c r="B443" s="11" t="s">
        <v>1092</v>
      </c>
      <c r="C443" s="78"/>
      <c r="D443" s="172"/>
      <c r="E443" s="245"/>
    </row>
    <row r="444" spans="1:5" ht="30" customHeight="1">
      <c r="A444" s="11" t="s">
        <v>368</v>
      </c>
      <c r="B444" s="11" t="s">
        <v>1093</v>
      </c>
      <c r="C444" s="78"/>
      <c r="D444" s="172"/>
      <c r="E444" s="245"/>
    </row>
    <row r="445" spans="1:5">
      <c r="A445" s="11" t="s">
        <v>465</v>
      </c>
      <c r="B445" s="11" t="s">
        <v>1092</v>
      </c>
      <c r="C445" s="78"/>
      <c r="D445" s="172"/>
      <c r="E445" s="245"/>
    </row>
    <row r="446" spans="1:5">
      <c r="A446" s="11" t="s">
        <v>466</v>
      </c>
      <c r="B446" s="11" t="s">
        <v>1094</v>
      </c>
      <c r="C446" s="78"/>
      <c r="D446" s="172"/>
      <c r="E446" s="245"/>
    </row>
    <row r="447" spans="1:5">
      <c r="A447" s="11" t="s">
        <v>130</v>
      </c>
      <c r="B447" s="11" t="s">
        <v>457</v>
      </c>
      <c r="C447" s="78"/>
      <c r="D447" s="172"/>
      <c r="E447" s="245"/>
    </row>
    <row r="448" spans="1:5">
      <c r="A448" s="11"/>
      <c r="B448" s="11"/>
      <c r="C448" s="78"/>
      <c r="D448" s="172"/>
      <c r="E448" s="245"/>
    </row>
    <row r="449" spans="1:5">
      <c r="A449" s="11"/>
      <c r="B449" s="11"/>
      <c r="C449" s="78"/>
      <c r="D449" s="172"/>
      <c r="E449" s="245"/>
    </row>
    <row r="450" spans="1:5">
      <c r="A450" s="15"/>
      <c r="B450" s="15"/>
      <c r="C450" s="102"/>
      <c r="D450" s="182"/>
      <c r="E450" s="246"/>
    </row>
    <row r="451" spans="1:5">
      <c r="A451" s="18"/>
      <c r="B451" s="19"/>
      <c r="C451" s="205"/>
      <c r="D451" s="218"/>
      <c r="E451" s="218"/>
    </row>
    <row r="452" spans="1:5">
      <c r="A452" s="266" t="s">
        <v>1151</v>
      </c>
      <c r="B452" s="266"/>
      <c r="C452" s="108"/>
      <c r="D452" s="108"/>
      <c r="E452" s="108"/>
    </row>
    <row r="453" spans="1:5">
      <c r="A453" s="118" t="s">
        <v>683</v>
      </c>
      <c r="B453" s="118"/>
      <c r="C453" s="108"/>
      <c r="D453" s="108"/>
      <c r="E453" s="108"/>
    </row>
    <row r="454" spans="1:5" ht="13.5" customHeight="1">
      <c r="A454" s="250" t="s">
        <v>541</v>
      </c>
      <c r="B454" s="250" t="s">
        <v>214</v>
      </c>
      <c r="C454" s="247" t="s">
        <v>212</v>
      </c>
      <c r="D454" s="248"/>
      <c r="E454" s="249"/>
    </row>
    <row r="455" spans="1:5">
      <c r="A455" s="251"/>
      <c r="B455" s="251"/>
      <c r="C455" s="99" t="s">
        <v>120</v>
      </c>
      <c r="D455" s="99" t="s">
        <v>121</v>
      </c>
      <c r="E455" s="99" t="s">
        <v>215</v>
      </c>
    </row>
    <row r="456" spans="1:5">
      <c r="A456" s="12" t="s">
        <v>230</v>
      </c>
      <c r="B456" s="12" t="s">
        <v>1095</v>
      </c>
      <c r="C456" s="104"/>
      <c r="D456" s="171"/>
      <c r="E456" s="244"/>
    </row>
    <row r="457" spans="1:5">
      <c r="A457" s="11" t="s">
        <v>756</v>
      </c>
      <c r="B457" s="11" t="s">
        <v>1092</v>
      </c>
      <c r="C457" s="78"/>
      <c r="D457" s="172"/>
      <c r="E457" s="245"/>
    </row>
    <row r="458" spans="1:5">
      <c r="A458" s="11" t="s">
        <v>370</v>
      </c>
      <c r="B458" s="11" t="s">
        <v>371</v>
      </c>
      <c r="C458" s="78"/>
      <c r="D458" s="172"/>
      <c r="E458" s="245"/>
    </row>
    <row r="459" spans="1:5">
      <c r="A459" s="254" t="s">
        <v>130</v>
      </c>
      <c r="B459" s="11" t="s">
        <v>457</v>
      </c>
      <c r="C459" s="78"/>
      <c r="D459" s="172"/>
      <c r="E459" s="245"/>
    </row>
    <row r="460" spans="1:5">
      <c r="A460" s="254"/>
      <c r="B460" s="11" t="s">
        <v>757</v>
      </c>
      <c r="C460" s="78"/>
      <c r="D460" s="172"/>
      <c r="E460" s="245"/>
    </row>
    <row r="461" spans="1:5">
      <c r="A461" s="11"/>
      <c r="B461" s="11"/>
      <c r="C461" s="78"/>
      <c r="D461" s="172"/>
      <c r="E461" s="245"/>
    </row>
    <row r="462" spans="1:5">
      <c r="A462" s="11"/>
      <c r="B462" s="11"/>
      <c r="C462" s="78"/>
      <c r="D462" s="172"/>
      <c r="E462" s="245"/>
    </row>
    <row r="463" spans="1:5">
      <c r="A463" s="15"/>
      <c r="B463" s="15"/>
      <c r="C463" s="102"/>
      <c r="D463" s="182"/>
      <c r="E463" s="246"/>
    </row>
    <row r="464" spans="1:5">
      <c r="A464" s="13"/>
      <c r="B464" s="14"/>
      <c r="C464" s="108"/>
      <c r="D464" s="108"/>
      <c r="E464" s="108"/>
    </row>
    <row r="465" spans="1:7">
      <c r="A465" s="118" t="s">
        <v>684</v>
      </c>
      <c r="B465" s="118"/>
      <c r="C465" s="108"/>
      <c r="D465" s="108"/>
      <c r="E465" s="108"/>
    </row>
    <row r="466" spans="1:7" ht="13.5" customHeight="1">
      <c r="A466" s="250" t="s">
        <v>541</v>
      </c>
      <c r="B466" s="250" t="s">
        <v>214</v>
      </c>
      <c r="C466" s="247" t="s">
        <v>212</v>
      </c>
      <c r="D466" s="248"/>
      <c r="E466" s="249"/>
    </row>
    <row r="467" spans="1:7">
      <c r="A467" s="251"/>
      <c r="B467" s="251"/>
      <c r="C467" s="99" t="s">
        <v>120</v>
      </c>
      <c r="D467" s="99" t="s">
        <v>121</v>
      </c>
      <c r="E467" s="99" t="s">
        <v>215</v>
      </c>
    </row>
    <row r="468" spans="1:7">
      <c r="A468" s="12" t="s">
        <v>230</v>
      </c>
      <c r="B468" s="12" t="s">
        <v>1096</v>
      </c>
      <c r="C468" s="104"/>
      <c r="D468" s="171"/>
      <c r="E468" s="244"/>
    </row>
    <row r="469" spans="1:7">
      <c r="A469" s="11" t="s">
        <v>373</v>
      </c>
      <c r="B469" s="11" t="s">
        <v>1095</v>
      </c>
      <c r="C469" s="78"/>
      <c r="D469" s="172"/>
      <c r="E469" s="245"/>
    </row>
    <row r="470" spans="1:7">
      <c r="A470" s="11" t="s">
        <v>374</v>
      </c>
      <c r="B470" s="11" t="s">
        <v>1092</v>
      </c>
      <c r="C470" s="78"/>
      <c r="D470" s="172"/>
      <c r="E470" s="245"/>
      <c r="F470" s="126"/>
    </row>
    <row r="471" spans="1:7">
      <c r="A471" s="11" t="s">
        <v>375</v>
      </c>
      <c r="B471" s="11" t="s">
        <v>203</v>
      </c>
      <c r="C471" s="78"/>
      <c r="D471" s="172"/>
      <c r="E471" s="245"/>
      <c r="F471" s="222"/>
      <c r="G471" s="200"/>
    </row>
    <row r="472" spans="1:7">
      <c r="A472" s="11" t="s">
        <v>468</v>
      </c>
      <c r="B472" s="11" t="s">
        <v>1097</v>
      </c>
      <c r="C472" s="78"/>
      <c r="D472" s="172"/>
      <c r="E472" s="245"/>
      <c r="F472" s="223"/>
      <c r="G472" s="103"/>
    </row>
    <row r="473" spans="1:7">
      <c r="A473" s="259" t="s">
        <v>130</v>
      </c>
      <c r="B473" s="11" t="s">
        <v>457</v>
      </c>
      <c r="C473" s="78"/>
      <c r="D473" s="172"/>
      <c r="E473" s="245"/>
      <c r="F473" s="222"/>
      <c r="G473" s="200"/>
    </row>
    <row r="474" spans="1:7">
      <c r="A474" s="261"/>
      <c r="B474" s="11" t="s">
        <v>757</v>
      </c>
      <c r="C474" s="78"/>
      <c r="D474" s="172"/>
      <c r="E474" s="245"/>
      <c r="F474" s="224"/>
      <c r="G474" s="200"/>
    </row>
    <row r="475" spans="1:7">
      <c r="A475" s="11"/>
      <c r="B475" s="11"/>
      <c r="C475" s="78"/>
      <c r="D475" s="172"/>
      <c r="E475" s="245"/>
    </row>
    <row r="476" spans="1:7">
      <c r="A476" s="11"/>
      <c r="B476" s="11"/>
      <c r="C476" s="78"/>
      <c r="D476" s="172"/>
      <c r="E476" s="245"/>
    </row>
    <row r="477" spans="1:7">
      <c r="A477" s="15"/>
      <c r="B477" s="15"/>
      <c r="C477" s="102"/>
      <c r="D477" s="182"/>
      <c r="E477" s="246"/>
    </row>
    <row r="478" spans="1:7">
      <c r="A478" s="18"/>
      <c r="B478" s="18"/>
      <c r="C478" s="103"/>
      <c r="D478" s="181"/>
      <c r="E478" s="181" t="s">
        <v>553</v>
      </c>
    </row>
    <row r="479" spans="1:7">
      <c r="A479" s="115" t="s">
        <v>1152</v>
      </c>
      <c r="B479" s="115"/>
      <c r="C479" s="108"/>
      <c r="D479" s="108"/>
      <c r="E479" s="108"/>
    </row>
    <row r="480" spans="1:7">
      <c r="A480" s="118" t="s">
        <v>758</v>
      </c>
      <c r="B480" s="118"/>
      <c r="C480" s="108"/>
      <c r="D480" s="108"/>
      <c r="E480" s="108"/>
    </row>
    <row r="481" spans="1:5" ht="13.5" customHeight="1">
      <c r="A481" s="250" t="s">
        <v>541</v>
      </c>
      <c r="B481" s="250" t="s">
        <v>214</v>
      </c>
      <c r="C481" s="247" t="s">
        <v>212</v>
      </c>
      <c r="D481" s="248"/>
      <c r="E481" s="249"/>
    </row>
    <row r="482" spans="1:5">
      <c r="A482" s="251"/>
      <c r="B482" s="251"/>
      <c r="C482" s="99" t="s">
        <v>120</v>
      </c>
      <c r="D482" s="99" t="s">
        <v>121</v>
      </c>
      <c r="E482" s="99" t="s">
        <v>215</v>
      </c>
    </row>
    <row r="483" spans="1:5">
      <c r="A483" s="264" t="s">
        <v>18</v>
      </c>
      <c r="B483" s="12" t="s">
        <v>16</v>
      </c>
      <c r="C483" s="104"/>
      <c r="D483" s="171"/>
      <c r="E483" s="272"/>
    </row>
    <row r="484" spans="1:5">
      <c r="A484" s="254"/>
      <c r="B484" s="11" t="s">
        <v>1098</v>
      </c>
      <c r="C484" s="78"/>
      <c r="D484" s="172"/>
      <c r="E484" s="273"/>
    </row>
    <row r="485" spans="1:5" ht="19.2">
      <c r="A485" s="254"/>
      <c r="B485" s="11" t="s">
        <v>17</v>
      </c>
      <c r="C485" s="78"/>
      <c r="D485" s="172"/>
      <c r="E485" s="273"/>
    </row>
    <row r="486" spans="1:5">
      <c r="A486" s="11" t="s">
        <v>14</v>
      </c>
      <c r="B486" s="11" t="s">
        <v>1099</v>
      </c>
      <c r="C486" s="78"/>
      <c r="D486" s="172"/>
      <c r="E486" s="273"/>
    </row>
    <row r="487" spans="1:5">
      <c r="A487" s="11" t="s">
        <v>15</v>
      </c>
      <c r="B487" s="11" t="s">
        <v>1153</v>
      </c>
      <c r="C487" s="78"/>
      <c r="D487" s="172"/>
      <c r="E487" s="273"/>
    </row>
    <row r="488" spans="1:5">
      <c r="A488" s="11" t="s">
        <v>130</v>
      </c>
      <c r="B488" s="11" t="s">
        <v>457</v>
      </c>
      <c r="C488" s="78"/>
      <c r="D488" s="172"/>
      <c r="E488" s="273"/>
    </row>
    <row r="489" spans="1:5">
      <c r="A489" s="11"/>
      <c r="B489" s="11"/>
      <c r="C489" s="78"/>
      <c r="D489" s="172"/>
      <c r="E489" s="273"/>
    </row>
    <row r="490" spans="1:5">
      <c r="A490" s="11"/>
      <c r="B490" s="11"/>
      <c r="C490" s="78"/>
      <c r="D490" s="172"/>
      <c r="E490" s="273"/>
    </row>
    <row r="491" spans="1:5">
      <c r="A491" s="15"/>
      <c r="B491" s="15"/>
      <c r="C491" s="102"/>
      <c r="D491" s="182"/>
      <c r="E491" s="274"/>
    </row>
    <row r="492" spans="1:5">
      <c r="A492" s="13"/>
      <c r="B492" s="14"/>
      <c r="C492" s="108"/>
      <c r="D492" s="108"/>
      <c r="E492" s="108"/>
    </row>
    <row r="493" spans="1:5">
      <c r="A493" s="118" t="s">
        <v>685</v>
      </c>
      <c r="B493" s="118"/>
      <c r="C493" s="108"/>
      <c r="D493" s="108"/>
      <c r="E493" s="108"/>
    </row>
    <row r="494" spans="1:5" ht="13.5" customHeight="1">
      <c r="A494" s="250" t="s">
        <v>541</v>
      </c>
      <c r="B494" s="250" t="s">
        <v>214</v>
      </c>
      <c r="C494" s="247" t="s">
        <v>212</v>
      </c>
      <c r="D494" s="248"/>
      <c r="E494" s="249"/>
    </row>
    <row r="495" spans="1:5">
      <c r="A495" s="251"/>
      <c r="B495" s="251"/>
      <c r="C495" s="99" t="s">
        <v>120</v>
      </c>
      <c r="D495" s="99" t="s">
        <v>121</v>
      </c>
      <c r="E495" s="99" t="s">
        <v>215</v>
      </c>
    </row>
    <row r="496" spans="1:5">
      <c r="A496" s="12" t="s">
        <v>324</v>
      </c>
      <c r="B496" s="12" t="s">
        <v>1154</v>
      </c>
      <c r="C496" s="104"/>
      <c r="D496" s="171"/>
      <c r="E496" s="244"/>
    </row>
    <row r="497" spans="1:5">
      <c r="A497" s="11" t="s">
        <v>325</v>
      </c>
      <c r="B497" s="11" t="s">
        <v>331</v>
      </c>
      <c r="C497" s="78"/>
      <c r="D497" s="157"/>
      <c r="E497" s="245"/>
    </row>
    <row r="498" spans="1:5">
      <c r="A498" s="11" t="s">
        <v>130</v>
      </c>
      <c r="B498" s="11" t="s">
        <v>759</v>
      </c>
      <c r="C498" s="78"/>
      <c r="D498" s="172"/>
      <c r="E498" s="245"/>
    </row>
    <row r="499" spans="1:5">
      <c r="A499" s="11"/>
      <c r="B499" s="11"/>
      <c r="C499" s="78"/>
      <c r="D499" s="172"/>
      <c r="E499" s="245"/>
    </row>
    <row r="500" spans="1:5">
      <c r="A500" s="11"/>
      <c r="B500" s="11"/>
      <c r="C500" s="78"/>
      <c r="D500" s="172"/>
      <c r="E500" s="245"/>
    </row>
    <row r="501" spans="1:5">
      <c r="A501" s="15"/>
      <c r="B501" s="15"/>
      <c r="C501" s="102"/>
      <c r="D501" s="182"/>
      <c r="E501" s="246"/>
    </row>
    <row r="502" spans="1:5">
      <c r="A502" s="13"/>
      <c r="B502" s="14"/>
      <c r="C502" s="108"/>
      <c r="D502" s="108"/>
      <c r="E502" s="108"/>
    </row>
    <row r="503" spans="1:5">
      <c r="A503" s="118" t="s">
        <v>686</v>
      </c>
      <c r="B503" s="118"/>
      <c r="C503" s="108"/>
      <c r="D503" s="108"/>
      <c r="E503" s="108"/>
    </row>
    <row r="504" spans="1:5" ht="13.5" customHeight="1">
      <c r="A504" s="250" t="s">
        <v>541</v>
      </c>
      <c r="B504" s="250" t="s">
        <v>214</v>
      </c>
      <c r="C504" s="247" t="s">
        <v>212</v>
      </c>
      <c r="D504" s="248"/>
      <c r="E504" s="249"/>
    </row>
    <row r="505" spans="1:5">
      <c r="A505" s="251"/>
      <c r="B505" s="251"/>
      <c r="C505" s="99" t="s">
        <v>120</v>
      </c>
      <c r="D505" s="99" t="s">
        <v>121</v>
      </c>
      <c r="E505" s="99" t="s">
        <v>215</v>
      </c>
    </row>
    <row r="506" spans="1:5">
      <c r="A506" s="12" t="s">
        <v>13</v>
      </c>
      <c r="B506" s="12" t="s">
        <v>761</v>
      </c>
      <c r="C506" s="104"/>
      <c r="D506" s="171"/>
      <c r="E506" s="244"/>
    </row>
    <row r="507" spans="1:5">
      <c r="A507" s="11" t="s">
        <v>130</v>
      </c>
      <c r="B507" s="11" t="s">
        <v>760</v>
      </c>
      <c r="C507" s="78"/>
      <c r="D507" s="172"/>
      <c r="E507" s="245"/>
    </row>
    <row r="508" spans="1:5">
      <c r="A508" s="11"/>
      <c r="B508" s="11"/>
      <c r="C508" s="78"/>
      <c r="D508" s="172"/>
      <c r="E508" s="245"/>
    </row>
    <row r="509" spans="1:5">
      <c r="A509" s="15"/>
      <c r="B509" s="15"/>
      <c r="C509" s="102"/>
      <c r="D509" s="182"/>
      <c r="E509" s="246"/>
    </row>
    <row r="510" spans="1:5">
      <c r="A510" s="13"/>
      <c r="B510" s="14"/>
      <c r="C510" s="108"/>
      <c r="D510" s="108"/>
      <c r="E510" s="108" t="s">
        <v>553</v>
      </c>
    </row>
    <row r="511" spans="1:5">
      <c r="A511" s="266" t="s">
        <v>1155</v>
      </c>
      <c r="B511" s="266"/>
      <c r="C511" s="108"/>
      <c r="D511" s="108"/>
      <c r="E511" s="108"/>
    </row>
    <row r="512" spans="1:5">
      <c r="A512" s="118" t="s">
        <v>687</v>
      </c>
      <c r="B512" s="118"/>
      <c r="C512" s="108"/>
      <c r="D512" s="108"/>
      <c r="E512" s="108"/>
    </row>
    <row r="513" spans="1:5" ht="13.5" customHeight="1">
      <c r="A513" s="250" t="s">
        <v>541</v>
      </c>
      <c r="B513" s="250" t="s">
        <v>214</v>
      </c>
      <c r="C513" s="247" t="s">
        <v>212</v>
      </c>
      <c r="D513" s="248"/>
      <c r="E513" s="249"/>
    </row>
    <row r="514" spans="1:5">
      <c r="A514" s="251"/>
      <c r="B514" s="251"/>
      <c r="C514" s="99" t="s">
        <v>120</v>
      </c>
      <c r="D514" s="99" t="s">
        <v>121</v>
      </c>
      <c r="E514" s="99" t="s">
        <v>215</v>
      </c>
    </row>
    <row r="515" spans="1:5">
      <c r="A515" s="12" t="s">
        <v>334</v>
      </c>
      <c r="B515" s="12" t="s">
        <v>762</v>
      </c>
      <c r="C515" s="104"/>
      <c r="D515" s="171"/>
      <c r="E515" s="244"/>
    </row>
    <row r="516" spans="1:5">
      <c r="A516" s="11" t="s">
        <v>130</v>
      </c>
      <c r="B516" s="11" t="s">
        <v>457</v>
      </c>
      <c r="C516" s="78"/>
      <c r="D516" s="172"/>
      <c r="E516" s="245"/>
    </row>
    <row r="517" spans="1:5">
      <c r="A517" s="11"/>
      <c r="B517" s="11"/>
      <c r="C517" s="78"/>
      <c r="D517" s="172"/>
      <c r="E517" s="245"/>
    </row>
    <row r="518" spans="1:5">
      <c r="A518" s="15"/>
      <c r="B518" s="15"/>
      <c r="C518" s="102"/>
      <c r="D518" s="182"/>
      <c r="E518" s="246"/>
    </row>
    <row r="519" spans="1:5">
      <c r="A519" s="13"/>
      <c r="B519" s="14"/>
      <c r="C519" s="108"/>
      <c r="D519" s="108"/>
      <c r="E519" s="108"/>
    </row>
    <row r="520" spans="1:5">
      <c r="A520" s="118" t="s">
        <v>688</v>
      </c>
      <c r="B520" s="118"/>
      <c r="C520" s="108"/>
      <c r="D520" s="108"/>
      <c r="E520" s="108"/>
    </row>
    <row r="521" spans="1:5" ht="13.5" customHeight="1">
      <c r="A521" s="250" t="s">
        <v>541</v>
      </c>
      <c r="B521" s="250" t="s">
        <v>214</v>
      </c>
      <c r="C521" s="247" t="s">
        <v>212</v>
      </c>
      <c r="D521" s="248"/>
      <c r="E521" s="249"/>
    </row>
    <row r="522" spans="1:5">
      <c r="A522" s="251"/>
      <c r="B522" s="251"/>
      <c r="C522" s="99" t="s">
        <v>120</v>
      </c>
      <c r="D522" s="99" t="s">
        <v>121</v>
      </c>
      <c r="E522" s="99" t="s">
        <v>215</v>
      </c>
    </row>
    <row r="523" spans="1:5">
      <c r="A523" s="12" t="s">
        <v>336</v>
      </c>
      <c r="B523" s="12" t="s">
        <v>340</v>
      </c>
      <c r="C523" s="104"/>
      <c r="D523" s="171"/>
      <c r="E523" s="244"/>
    </row>
    <row r="524" spans="1:5">
      <c r="A524" s="254" t="s">
        <v>337</v>
      </c>
      <c r="B524" s="11" t="s">
        <v>346</v>
      </c>
      <c r="C524" s="78"/>
      <c r="D524" s="172"/>
      <c r="E524" s="245"/>
    </row>
    <row r="525" spans="1:5">
      <c r="A525" s="254"/>
      <c r="B525" s="11" t="s">
        <v>347</v>
      </c>
      <c r="C525" s="78"/>
      <c r="D525" s="172"/>
      <c r="E525" s="245"/>
    </row>
    <row r="526" spans="1:5">
      <c r="A526" s="254"/>
      <c r="B526" s="11" t="s">
        <v>348</v>
      </c>
      <c r="C526" s="78"/>
      <c r="D526" s="172"/>
      <c r="E526" s="245"/>
    </row>
    <row r="527" spans="1:5">
      <c r="A527" s="11" t="s">
        <v>338</v>
      </c>
      <c r="B527" s="11" t="s">
        <v>349</v>
      </c>
      <c r="C527" s="78"/>
      <c r="D527" s="172"/>
      <c r="E527" s="245"/>
    </row>
    <row r="528" spans="1:5">
      <c r="A528" s="11" t="s">
        <v>339</v>
      </c>
      <c r="B528" s="11" t="s">
        <v>341</v>
      </c>
      <c r="C528" s="78"/>
      <c r="D528" s="172"/>
      <c r="E528" s="245"/>
    </row>
    <row r="529" spans="1:5">
      <c r="A529" s="254" t="s">
        <v>130</v>
      </c>
      <c r="B529" s="11" t="s">
        <v>457</v>
      </c>
      <c r="C529" s="78"/>
      <c r="D529" s="172"/>
      <c r="E529" s="245"/>
    </row>
    <row r="530" spans="1:5">
      <c r="A530" s="254"/>
      <c r="B530" s="11" t="s">
        <v>422</v>
      </c>
      <c r="C530" s="78"/>
      <c r="D530" s="172"/>
      <c r="E530" s="245"/>
    </row>
    <row r="531" spans="1:5">
      <c r="A531" s="254"/>
      <c r="B531" s="11" t="s">
        <v>469</v>
      </c>
      <c r="C531" s="78"/>
      <c r="D531" s="172"/>
      <c r="E531" s="245"/>
    </row>
    <row r="532" spans="1:5">
      <c r="A532" s="254"/>
      <c r="B532" s="11" t="s">
        <v>423</v>
      </c>
      <c r="C532" s="78"/>
      <c r="D532" s="172"/>
      <c r="E532" s="245"/>
    </row>
    <row r="533" spans="1:5">
      <c r="A533" s="11"/>
      <c r="B533" s="11"/>
      <c r="C533" s="78"/>
      <c r="D533" s="172"/>
      <c r="E533" s="245"/>
    </row>
    <row r="534" spans="1:5">
      <c r="A534" s="11"/>
      <c r="B534" s="11"/>
      <c r="C534" s="78"/>
      <c r="D534" s="172"/>
      <c r="E534" s="245"/>
    </row>
    <row r="535" spans="1:5">
      <c r="A535" s="15"/>
      <c r="B535" s="15"/>
      <c r="C535" s="102"/>
      <c r="D535" s="182"/>
      <c r="E535" s="246"/>
    </row>
    <row r="536" spans="1:5">
      <c r="A536" s="13"/>
      <c r="B536" s="14"/>
      <c r="C536" s="108"/>
      <c r="D536" s="108"/>
      <c r="E536" s="108"/>
    </row>
    <row r="537" spans="1:5">
      <c r="A537" s="118" t="s">
        <v>689</v>
      </c>
      <c r="B537" s="118"/>
      <c r="C537" s="108"/>
      <c r="D537" s="108"/>
      <c r="E537" s="108"/>
    </row>
    <row r="538" spans="1:5" ht="13.5" customHeight="1">
      <c r="A538" s="250" t="s">
        <v>541</v>
      </c>
      <c r="B538" s="250" t="s">
        <v>214</v>
      </c>
      <c r="C538" s="247" t="s">
        <v>212</v>
      </c>
      <c r="D538" s="248"/>
      <c r="E538" s="249"/>
    </row>
    <row r="539" spans="1:5">
      <c r="A539" s="251"/>
      <c r="B539" s="251"/>
      <c r="C539" s="99" t="s">
        <v>120</v>
      </c>
      <c r="D539" s="99" t="s">
        <v>121</v>
      </c>
      <c r="E539" s="99" t="s">
        <v>215</v>
      </c>
    </row>
    <row r="540" spans="1:5">
      <c r="A540" s="264" t="s">
        <v>336</v>
      </c>
      <c r="B540" s="12" t="s">
        <v>344</v>
      </c>
      <c r="C540" s="104"/>
      <c r="D540" s="171"/>
      <c r="E540" s="244"/>
    </row>
    <row r="541" spans="1:5">
      <c r="A541" s="254"/>
      <c r="B541" s="11" t="s">
        <v>763</v>
      </c>
      <c r="C541" s="78"/>
      <c r="D541" s="172"/>
      <c r="E541" s="245"/>
    </row>
    <row r="542" spans="1:5">
      <c r="A542" s="254"/>
      <c r="B542" s="11" t="s">
        <v>345</v>
      </c>
      <c r="C542" s="78"/>
      <c r="D542" s="172"/>
      <c r="E542" s="245"/>
    </row>
    <row r="543" spans="1:5">
      <c r="A543" s="254" t="s">
        <v>337</v>
      </c>
      <c r="B543" s="11" t="s">
        <v>346</v>
      </c>
      <c r="C543" s="78"/>
      <c r="D543" s="172"/>
      <c r="E543" s="245"/>
    </row>
    <row r="544" spans="1:5">
      <c r="A544" s="254"/>
      <c r="B544" s="11" t="s">
        <v>347</v>
      </c>
      <c r="C544" s="78"/>
      <c r="D544" s="172"/>
      <c r="E544" s="245"/>
    </row>
    <row r="545" spans="1:5">
      <c r="A545" s="254"/>
      <c r="B545" s="11" t="s">
        <v>348</v>
      </c>
      <c r="C545" s="78"/>
      <c r="D545" s="172"/>
      <c r="E545" s="245"/>
    </row>
    <row r="546" spans="1:5">
      <c r="A546" s="254" t="s">
        <v>338</v>
      </c>
      <c r="B546" s="11" t="s">
        <v>1156</v>
      </c>
      <c r="C546" s="78"/>
      <c r="D546" s="172"/>
      <c r="E546" s="245"/>
    </row>
    <row r="547" spans="1:5">
      <c r="A547" s="254"/>
      <c r="B547" s="11" t="s">
        <v>1157</v>
      </c>
      <c r="C547" s="78"/>
      <c r="D547" s="172"/>
      <c r="E547" s="245"/>
    </row>
    <row r="548" spans="1:5">
      <c r="A548" s="11" t="s">
        <v>343</v>
      </c>
      <c r="B548" s="11" t="s">
        <v>350</v>
      </c>
      <c r="C548" s="78"/>
      <c r="D548" s="172"/>
      <c r="E548" s="245"/>
    </row>
    <row r="549" spans="1:5">
      <c r="A549" s="11" t="s">
        <v>339</v>
      </c>
      <c r="B549" s="11" t="s">
        <v>341</v>
      </c>
      <c r="C549" s="78"/>
      <c r="D549" s="172"/>
      <c r="E549" s="245"/>
    </row>
    <row r="550" spans="1:5">
      <c r="A550" s="254" t="s">
        <v>130</v>
      </c>
      <c r="B550" s="11" t="s">
        <v>457</v>
      </c>
      <c r="C550" s="78"/>
      <c r="D550" s="172"/>
      <c r="E550" s="245"/>
    </row>
    <row r="551" spans="1:5">
      <c r="A551" s="254"/>
      <c r="B551" s="11" t="s">
        <v>470</v>
      </c>
      <c r="C551" s="78"/>
      <c r="D551" s="172"/>
      <c r="E551" s="245"/>
    </row>
    <row r="552" spans="1:5">
      <c r="A552" s="254"/>
      <c r="B552" s="11" t="s">
        <v>469</v>
      </c>
      <c r="C552" s="78"/>
      <c r="D552" s="172"/>
      <c r="E552" s="245"/>
    </row>
    <row r="553" spans="1:5">
      <c r="A553" s="254"/>
      <c r="B553" s="11" t="s">
        <v>471</v>
      </c>
      <c r="C553" s="78"/>
      <c r="D553" s="172"/>
      <c r="E553" s="245"/>
    </row>
    <row r="554" spans="1:5">
      <c r="A554" s="11"/>
      <c r="B554" s="11"/>
      <c r="C554" s="78"/>
      <c r="D554" s="172"/>
      <c r="E554" s="245"/>
    </row>
    <row r="555" spans="1:5">
      <c r="A555" s="11"/>
      <c r="B555" s="11"/>
      <c r="C555" s="78"/>
      <c r="D555" s="172"/>
      <c r="E555" s="245"/>
    </row>
    <row r="556" spans="1:5">
      <c r="A556" s="15"/>
      <c r="B556" s="15"/>
      <c r="C556" s="102"/>
      <c r="D556" s="182"/>
      <c r="E556" s="246"/>
    </row>
    <row r="557" spans="1:5">
      <c r="A557" s="18"/>
      <c r="B557" s="19"/>
      <c r="C557" s="205"/>
      <c r="D557" s="218"/>
      <c r="E557" s="218"/>
    </row>
    <row r="558" spans="1:5">
      <c r="A558" s="115" t="s">
        <v>1158</v>
      </c>
      <c r="B558" s="115"/>
      <c r="C558" s="108"/>
      <c r="D558" s="108"/>
      <c r="E558" s="108"/>
    </row>
    <row r="559" spans="1:5">
      <c r="A559" s="250" t="s">
        <v>541</v>
      </c>
      <c r="B559" s="250" t="s">
        <v>214</v>
      </c>
      <c r="C559" s="247" t="s">
        <v>212</v>
      </c>
      <c r="D559" s="248"/>
      <c r="E559" s="249"/>
    </row>
    <row r="560" spans="1:5">
      <c r="A560" s="251"/>
      <c r="B560" s="251"/>
      <c r="C560" s="99" t="s">
        <v>120</v>
      </c>
      <c r="D560" s="99" t="s">
        <v>121</v>
      </c>
      <c r="E560" s="99" t="s">
        <v>215</v>
      </c>
    </row>
    <row r="561" spans="1:5">
      <c r="A561" s="33" t="s">
        <v>764</v>
      </c>
      <c r="B561" s="33" t="s">
        <v>765</v>
      </c>
      <c r="C561" s="104"/>
      <c r="D561" s="171"/>
      <c r="E561" s="272"/>
    </row>
    <row r="562" spans="1:5">
      <c r="A562" s="34" t="s">
        <v>766</v>
      </c>
      <c r="B562" s="34" t="s">
        <v>767</v>
      </c>
      <c r="C562" s="78"/>
      <c r="D562" s="172"/>
      <c r="E562" s="273"/>
    </row>
    <row r="563" spans="1:5">
      <c r="A563" s="11"/>
      <c r="B563" s="11"/>
      <c r="C563" s="78"/>
      <c r="D563" s="172"/>
      <c r="E563" s="273"/>
    </row>
    <row r="564" spans="1:5">
      <c r="A564" s="15"/>
      <c r="B564" s="15"/>
      <c r="C564" s="102"/>
      <c r="D564" s="182"/>
      <c r="E564" s="274"/>
    </row>
    <row r="565" spans="1:5">
      <c r="A565" s="18"/>
      <c r="B565" s="18"/>
      <c r="C565" s="103"/>
      <c r="D565" s="181"/>
      <c r="E565" s="108" t="s">
        <v>553</v>
      </c>
    </row>
    <row r="566" spans="1:5">
      <c r="A566" s="13" t="s">
        <v>1159</v>
      </c>
      <c r="B566" s="14"/>
      <c r="C566" s="108"/>
      <c r="D566" s="108"/>
      <c r="E566" s="108"/>
    </row>
    <row r="567" spans="1:5">
      <c r="A567" s="13" t="s">
        <v>690</v>
      </c>
      <c r="B567" s="14"/>
      <c r="C567" s="108"/>
      <c r="D567" s="108"/>
      <c r="E567" s="108"/>
    </row>
    <row r="568" spans="1:5" ht="13.5" customHeight="1">
      <c r="A568" s="250" t="s">
        <v>541</v>
      </c>
      <c r="B568" s="250" t="s">
        <v>214</v>
      </c>
      <c r="C568" s="247" t="s">
        <v>212</v>
      </c>
      <c r="D568" s="248"/>
      <c r="E568" s="249"/>
    </row>
    <row r="569" spans="1:5">
      <c r="A569" s="251"/>
      <c r="B569" s="251"/>
      <c r="C569" s="99" t="s">
        <v>120</v>
      </c>
      <c r="D569" s="99" t="s">
        <v>121</v>
      </c>
      <c r="E569" s="99" t="s">
        <v>215</v>
      </c>
    </row>
    <row r="570" spans="1:5">
      <c r="A570" s="12" t="s">
        <v>768</v>
      </c>
      <c r="B570" s="12" t="s">
        <v>293</v>
      </c>
      <c r="C570" s="104"/>
      <c r="D570" s="171"/>
      <c r="E570" s="244"/>
    </row>
    <row r="571" spans="1:5">
      <c r="A571" s="254" t="s">
        <v>572</v>
      </c>
      <c r="B571" s="11" t="s">
        <v>66</v>
      </c>
      <c r="C571" s="78"/>
      <c r="D571" s="172"/>
      <c r="E571" s="245"/>
    </row>
    <row r="572" spans="1:5">
      <c r="A572" s="254"/>
      <c r="B572" s="11" t="s">
        <v>1160</v>
      </c>
      <c r="C572" s="78"/>
      <c r="D572" s="172"/>
      <c r="E572" s="245"/>
    </row>
    <row r="573" spans="1:5">
      <c r="A573" s="11" t="s">
        <v>290</v>
      </c>
      <c r="B573" s="11" t="s">
        <v>1161</v>
      </c>
      <c r="C573" s="78"/>
      <c r="D573" s="172"/>
      <c r="E573" s="245"/>
    </row>
    <row r="574" spans="1:5">
      <c r="A574" s="11" t="s">
        <v>62</v>
      </c>
      <c r="B574" s="11" t="s">
        <v>1162</v>
      </c>
      <c r="C574" s="78"/>
      <c r="D574" s="172"/>
      <c r="E574" s="245"/>
    </row>
    <row r="575" spans="1:5">
      <c r="A575" s="11" t="s">
        <v>568</v>
      </c>
      <c r="B575" s="11" t="s">
        <v>63</v>
      </c>
      <c r="C575" s="78"/>
      <c r="D575" s="172"/>
      <c r="E575" s="245"/>
    </row>
    <row r="576" spans="1:5" ht="30" customHeight="1">
      <c r="A576" s="80" t="s">
        <v>769</v>
      </c>
      <c r="B576" s="80" t="s">
        <v>71</v>
      </c>
      <c r="C576" s="78"/>
      <c r="D576" s="157"/>
      <c r="E576" s="245"/>
    </row>
    <row r="577" spans="1:6">
      <c r="A577" s="11"/>
      <c r="B577" s="11"/>
      <c r="C577" s="78"/>
      <c r="D577" s="172"/>
      <c r="E577" s="245"/>
    </row>
    <row r="578" spans="1:6">
      <c r="A578" s="11"/>
      <c r="B578" s="11"/>
      <c r="C578" s="78"/>
      <c r="D578" s="157"/>
      <c r="E578" s="245"/>
    </row>
    <row r="579" spans="1:6">
      <c r="A579" s="15"/>
      <c r="B579" s="15"/>
      <c r="C579" s="102"/>
      <c r="D579" s="182"/>
      <c r="E579" s="246"/>
    </row>
    <row r="580" spans="1:6" s="68" customFormat="1">
      <c r="A580" s="191"/>
      <c r="B580" s="225"/>
      <c r="C580" s="226"/>
      <c r="D580" s="146"/>
      <c r="E580" s="146"/>
      <c r="F580" s="49"/>
    </row>
    <row r="581" spans="1:6" s="68" customFormat="1">
      <c r="A581" s="94" t="s">
        <v>691</v>
      </c>
      <c r="B581" s="194"/>
      <c r="C581" s="195"/>
      <c r="D581" s="146"/>
      <c r="E581" s="146"/>
      <c r="F581" s="49"/>
    </row>
    <row r="582" spans="1:6" ht="13.5" customHeight="1">
      <c r="A582" s="250" t="s">
        <v>541</v>
      </c>
      <c r="B582" s="250" t="s">
        <v>214</v>
      </c>
      <c r="C582" s="247" t="s">
        <v>212</v>
      </c>
      <c r="D582" s="248"/>
      <c r="E582" s="249"/>
    </row>
    <row r="583" spans="1:6">
      <c r="A583" s="251"/>
      <c r="B583" s="251"/>
      <c r="C583" s="99" t="s">
        <v>120</v>
      </c>
      <c r="D583" s="99" t="s">
        <v>121</v>
      </c>
      <c r="E583" s="99" t="s">
        <v>215</v>
      </c>
    </row>
    <row r="584" spans="1:6" s="68" customFormat="1">
      <c r="A584" s="275" t="s">
        <v>12</v>
      </c>
      <c r="B584" s="196" t="s">
        <v>573</v>
      </c>
      <c r="C584" s="104"/>
      <c r="D584" s="171"/>
      <c r="E584" s="244"/>
      <c r="F584" s="49"/>
    </row>
    <row r="585" spans="1:6" s="96" customFormat="1">
      <c r="A585" s="276"/>
      <c r="B585" s="227" t="s">
        <v>1163</v>
      </c>
      <c r="C585" s="78"/>
      <c r="D585" s="172"/>
      <c r="E585" s="245"/>
      <c r="F585" s="49"/>
    </row>
    <row r="586" spans="1:6" s="121" customFormat="1">
      <c r="A586" s="259" t="s">
        <v>572</v>
      </c>
      <c r="B586" s="11" t="s">
        <v>66</v>
      </c>
      <c r="C586" s="78"/>
      <c r="D586" s="172"/>
      <c r="E586" s="245"/>
      <c r="F586" s="49"/>
    </row>
    <row r="587" spans="1:6" s="121" customFormat="1">
      <c r="A587" s="261"/>
      <c r="B587" s="228" t="s">
        <v>770</v>
      </c>
      <c r="C587" s="78"/>
      <c r="D587" s="172"/>
      <c r="E587" s="245"/>
      <c r="F587" s="49"/>
    </row>
    <row r="588" spans="1:6" s="121" customFormat="1" ht="30" customHeight="1">
      <c r="A588" s="80" t="s">
        <v>769</v>
      </c>
      <c r="B588" s="80" t="s">
        <v>71</v>
      </c>
      <c r="C588" s="78"/>
      <c r="D588" s="187"/>
      <c r="E588" s="245"/>
      <c r="F588" s="49"/>
    </row>
    <row r="589" spans="1:6">
      <c r="A589" s="11" t="s">
        <v>194</v>
      </c>
      <c r="B589" s="11" t="s">
        <v>50</v>
      </c>
      <c r="C589" s="78"/>
      <c r="D589" s="172"/>
      <c r="E589" s="245"/>
    </row>
    <row r="590" spans="1:6">
      <c r="A590" s="11"/>
      <c r="B590" s="11"/>
      <c r="C590" s="78"/>
      <c r="D590" s="172"/>
      <c r="E590" s="245"/>
    </row>
    <row r="591" spans="1:6" s="68" customFormat="1">
      <c r="A591" s="80"/>
      <c r="B591" s="80"/>
      <c r="C591" s="78"/>
      <c r="D591" s="172"/>
      <c r="E591" s="245"/>
      <c r="F591" s="49"/>
    </row>
    <row r="592" spans="1:6">
      <c r="A592" s="15"/>
      <c r="B592" s="15"/>
      <c r="C592" s="102"/>
      <c r="D592" s="203"/>
      <c r="E592" s="246"/>
    </row>
    <row r="593" spans="1:6">
      <c r="A593" s="13"/>
      <c r="B593" s="14"/>
      <c r="C593" s="108"/>
      <c r="D593" s="108"/>
      <c r="E593" s="108"/>
    </row>
    <row r="594" spans="1:6">
      <c r="A594" s="13" t="s">
        <v>1164</v>
      </c>
      <c r="B594" s="14"/>
      <c r="C594" s="108"/>
      <c r="D594" s="108"/>
      <c r="E594" s="108"/>
    </row>
    <row r="595" spans="1:6" ht="13.5" customHeight="1">
      <c r="A595" s="250" t="s">
        <v>541</v>
      </c>
      <c r="B595" s="250" t="s">
        <v>214</v>
      </c>
      <c r="C595" s="247" t="s">
        <v>212</v>
      </c>
      <c r="D595" s="248"/>
      <c r="E595" s="249"/>
    </row>
    <row r="596" spans="1:6">
      <c r="A596" s="251"/>
      <c r="B596" s="251"/>
      <c r="C596" s="99" t="s">
        <v>120</v>
      </c>
      <c r="D596" s="99" t="s">
        <v>121</v>
      </c>
      <c r="E596" s="99" t="s">
        <v>215</v>
      </c>
    </row>
    <row r="597" spans="1:6">
      <c r="A597" s="12" t="s">
        <v>294</v>
      </c>
      <c r="B597" s="12" t="s">
        <v>295</v>
      </c>
      <c r="C597" s="104"/>
      <c r="D597" s="171"/>
      <c r="E597" s="244"/>
    </row>
    <row r="598" spans="1:6">
      <c r="A598" s="259" t="s">
        <v>572</v>
      </c>
      <c r="B598" s="11" t="s">
        <v>66</v>
      </c>
      <c r="C598" s="78"/>
      <c r="D598" s="172"/>
      <c r="E598" s="245"/>
    </row>
    <row r="599" spans="1:6">
      <c r="A599" s="261"/>
      <c r="B599" s="11" t="s">
        <v>770</v>
      </c>
      <c r="C599" s="78"/>
      <c r="D599" s="172"/>
      <c r="E599" s="245"/>
    </row>
    <row r="600" spans="1:6">
      <c r="A600" s="11" t="s">
        <v>568</v>
      </c>
      <c r="B600" s="11" t="s">
        <v>63</v>
      </c>
      <c r="C600" s="78"/>
      <c r="D600" s="172"/>
      <c r="E600" s="245"/>
    </row>
    <row r="601" spans="1:6" ht="30" customHeight="1">
      <c r="A601" s="80" t="s">
        <v>769</v>
      </c>
      <c r="B601" s="80" t="s">
        <v>71</v>
      </c>
      <c r="C601" s="78"/>
      <c r="D601" s="172"/>
      <c r="E601" s="245"/>
    </row>
    <row r="602" spans="1:6">
      <c r="A602" s="11"/>
      <c r="B602" s="11"/>
      <c r="C602" s="78"/>
      <c r="D602" s="172"/>
      <c r="E602" s="245"/>
    </row>
    <row r="603" spans="1:6" s="68" customFormat="1">
      <c r="A603" s="80"/>
      <c r="B603" s="80"/>
      <c r="C603" s="78"/>
      <c r="D603" s="172"/>
      <c r="E603" s="245"/>
      <c r="F603" s="49"/>
    </row>
    <row r="604" spans="1:6" s="68" customFormat="1">
      <c r="A604" s="81"/>
      <c r="B604" s="82"/>
      <c r="C604" s="102"/>
      <c r="D604" s="229"/>
      <c r="E604" s="246"/>
      <c r="F604" s="49"/>
    </row>
    <row r="605" spans="1:6">
      <c r="A605" s="13"/>
      <c r="B605" s="14"/>
      <c r="C605" s="108"/>
      <c r="D605" s="108"/>
      <c r="E605" s="108" t="s">
        <v>553</v>
      </c>
    </row>
    <row r="606" spans="1:6">
      <c r="A606" s="243" t="s">
        <v>1165</v>
      </c>
      <c r="B606" s="243"/>
      <c r="C606" s="108"/>
      <c r="D606" s="108"/>
      <c r="E606" s="108"/>
    </row>
    <row r="607" spans="1:6" ht="13.5" customHeight="1">
      <c r="A607" s="250" t="s">
        <v>541</v>
      </c>
      <c r="B607" s="250" t="s">
        <v>214</v>
      </c>
      <c r="C607" s="247" t="s">
        <v>212</v>
      </c>
      <c r="D607" s="248"/>
      <c r="E607" s="249"/>
    </row>
    <row r="608" spans="1:6">
      <c r="A608" s="251"/>
      <c r="B608" s="251"/>
      <c r="C608" s="99" t="s">
        <v>120</v>
      </c>
      <c r="D608" s="99" t="s">
        <v>121</v>
      </c>
      <c r="E608" s="99" t="s">
        <v>215</v>
      </c>
    </row>
    <row r="609" spans="1:5" ht="51.75" customHeight="1">
      <c r="A609" s="12" t="s">
        <v>771</v>
      </c>
      <c r="B609" s="12" t="s">
        <v>201</v>
      </c>
      <c r="C609" s="104"/>
      <c r="D609" s="171"/>
      <c r="E609" s="272"/>
    </row>
    <row r="610" spans="1:5">
      <c r="A610" s="11" t="s">
        <v>202</v>
      </c>
      <c r="B610" s="11" t="s">
        <v>68</v>
      </c>
      <c r="C610" s="78"/>
      <c r="D610" s="230"/>
      <c r="E610" s="273"/>
    </row>
    <row r="611" spans="1:5">
      <c r="A611" s="11"/>
      <c r="B611" s="11"/>
      <c r="C611" s="78"/>
      <c r="D611" s="172"/>
      <c r="E611" s="273"/>
    </row>
    <row r="612" spans="1:5">
      <c r="A612" s="15"/>
      <c r="B612" s="15"/>
      <c r="C612" s="102"/>
      <c r="D612" s="203"/>
      <c r="E612" s="274"/>
    </row>
    <row r="613" spans="1:5">
      <c r="A613" s="97"/>
    </row>
    <row r="614" spans="1:5">
      <c r="A614" s="97"/>
    </row>
  </sheetData>
  <mergeCells count="225">
    <mergeCell ref="A118:A119"/>
    <mergeCell ref="A598:A599"/>
    <mergeCell ref="E609:E612"/>
    <mergeCell ref="A354:A355"/>
    <mergeCell ref="A473:A474"/>
    <mergeCell ref="E540:E556"/>
    <mergeCell ref="A540:A542"/>
    <mergeCell ref="A543:A545"/>
    <mergeCell ref="A546:A547"/>
    <mergeCell ref="A550:A553"/>
    <mergeCell ref="E561:E564"/>
    <mergeCell ref="E570:E579"/>
    <mergeCell ref="A571:A572"/>
    <mergeCell ref="E584:E592"/>
    <mergeCell ref="A584:A585"/>
    <mergeCell ref="A586:A587"/>
    <mergeCell ref="A459:A460"/>
    <mergeCell ref="E468:E477"/>
    <mergeCell ref="A483:A485"/>
    <mergeCell ref="E483:E491"/>
    <mergeCell ref="E496:E501"/>
    <mergeCell ref="E506:E509"/>
    <mergeCell ref="E515:E518"/>
    <mergeCell ref="E523:E535"/>
    <mergeCell ref="A524:A526"/>
    <mergeCell ref="A529:A532"/>
    <mergeCell ref="A559:A560"/>
    <mergeCell ref="B559:B560"/>
    <mergeCell ref="C559:E559"/>
    <mergeCell ref="E152:E160"/>
    <mergeCell ref="A152:A154"/>
    <mergeCell ref="A155:A156"/>
    <mergeCell ref="E165:E176"/>
    <mergeCell ref="E182:E189"/>
    <mergeCell ref="A172:A173"/>
    <mergeCell ref="A185:A186"/>
    <mergeCell ref="E194:E207"/>
    <mergeCell ref="A203:A204"/>
    <mergeCell ref="E212:E217"/>
    <mergeCell ref="A213:A214"/>
    <mergeCell ref="E223:E238"/>
    <mergeCell ref="A234:A235"/>
    <mergeCell ref="E243:E249"/>
    <mergeCell ref="C241:E241"/>
    <mergeCell ref="B241:B242"/>
    <mergeCell ref="A241:A242"/>
    <mergeCell ref="E254:E265"/>
    <mergeCell ref="C280:E280"/>
    <mergeCell ref="A4:E4"/>
    <mergeCell ref="B481:B482"/>
    <mergeCell ref="A423:A424"/>
    <mergeCell ref="B423:B424"/>
    <mergeCell ref="A466:A467"/>
    <mergeCell ref="B466:B467"/>
    <mergeCell ref="B454:B455"/>
    <mergeCell ref="A454:A455"/>
    <mergeCell ref="B384:B385"/>
    <mergeCell ref="B402:B403"/>
    <mergeCell ref="B333:B334"/>
    <mergeCell ref="B323:B324"/>
    <mergeCell ref="C180:E180"/>
    <mergeCell ref="C192:E192"/>
    <mergeCell ref="C221:E221"/>
    <mergeCell ref="C252:E252"/>
    <mergeCell ref="A7:A8"/>
    <mergeCell ref="B7:B8"/>
    <mergeCell ref="A163:A164"/>
    <mergeCell ref="A58:A61"/>
    <mergeCell ref="A52:A54"/>
    <mergeCell ref="A73:A75"/>
    <mergeCell ref="C7:E7"/>
    <mergeCell ref="A81:A84"/>
    <mergeCell ref="C98:E98"/>
    <mergeCell ref="A607:A608"/>
    <mergeCell ref="B607:B608"/>
    <mergeCell ref="A568:A569"/>
    <mergeCell ref="B568:B569"/>
    <mergeCell ref="A595:A596"/>
    <mergeCell ref="B595:B596"/>
    <mergeCell ref="B582:B583"/>
    <mergeCell ref="A582:A583"/>
    <mergeCell ref="A268:A269"/>
    <mergeCell ref="B268:B269"/>
    <mergeCell ref="A361:A362"/>
    <mergeCell ref="B361:B362"/>
    <mergeCell ref="A313:A314"/>
    <mergeCell ref="B313:B314"/>
    <mergeCell ref="A323:A324"/>
    <mergeCell ref="A333:A334"/>
    <mergeCell ref="A538:A539"/>
    <mergeCell ref="B538:B539"/>
    <mergeCell ref="A521:A522"/>
    <mergeCell ref="B521:B522"/>
    <mergeCell ref="A384:A385"/>
    <mergeCell ref="A504:A505"/>
    <mergeCell ref="B439:B440"/>
    <mergeCell ref="A98:A99"/>
    <mergeCell ref="B163:B164"/>
    <mergeCell ref="B180:B181"/>
    <mergeCell ref="A46:A47"/>
    <mergeCell ref="B46:B47"/>
    <mergeCell ref="A252:A253"/>
    <mergeCell ref="B252:B253"/>
    <mergeCell ref="A295:A296"/>
    <mergeCell ref="B295:B296"/>
    <mergeCell ref="A280:A281"/>
    <mergeCell ref="B280:B281"/>
    <mergeCell ref="A150:A151"/>
    <mergeCell ref="B150:B151"/>
    <mergeCell ref="B98:B99"/>
    <mergeCell ref="A180:A181"/>
    <mergeCell ref="A136:A137"/>
    <mergeCell ref="B136:B137"/>
    <mergeCell ref="A111:A112"/>
    <mergeCell ref="B111:B112"/>
    <mergeCell ref="A125:A126"/>
    <mergeCell ref="B125:B126"/>
    <mergeCell ref="A124:B124"/>
    <mergeCell ref="A245:A246"/>
    <mergeCell ref="A127:A128"/>
    <mergeCell ref="A129:A130"/>
    <mergeCell ref="A494:A495"/>
    <mergeCell ref="B494:B495"/>
    <mergeCell ref="B374:B375"/>
    <mergeCell ref="A343:A344"/>
    <mergeCell ref="B343:B344"/>
    <mergeCell ref="A374:A375"/>
    <mergeCell ref="B513:B514"/>
    <mergeCell ref="A221:A222"/>
    <mergeCell ref="B221:B222"/>
    <mergeCell ref="A394:A395"/>
    <mergeCell ref="B394:B395"/>
    <mergeCell ref="B412:B413"/>
    <mergeCell ref="A402:A403"/>
    <mergeCell ref="B504:B505"/>
    <mergeCell ref="A261:A262"/>
    <mergeCell ref="A481:A482"/>
    <mergeCell ref="A273:A274"/>
    <mergeCell ref="A452:B452"/>
    <mergeCell ref="A511:B511"/>
    <mergeCell ref="B192:B193"/>
    <mergeCell ref="A192:A193"/>
    <mergeCell ref="A439:A440"/>
    <mergeCell ref="A513:A514"/>
    <mergeCell ref="C607:E607"/>
    <mergeCell ref="C384:E384"/>
    <mergeCell ref="C394:E394"/>
    <mergeCell ref="C402:E402"/>
    <mergeCell ref="C423:E423"/>
    <mergeCell ref="C439:E439"/>
    <mergeCell ref="C454:E454"/>
    <mergeCell ref="C466:E466"/>
    <mergeCell ref="C481:E481"/>
    <mergeCell ref="C494:E494"/>
    <mergeCell ref="C504:E504"/>
    <mergeCell ref="C513:E513"/>
    <mergeCell ref="C521:E521"/>
    <mergeCell ref="C538:E538"/>
    <mergeCell ref="C568:E568"/>
    <mergeCell ref="C582:E582"/>
    <mergeCell ref="C595:E595"/>
    <mergeCell ref="E597:E604"/>
    <mergeCell ref="E441:E450"/>
    <mergeCell ref="E456:E463"/>
    <mergeCell ref="E386:E391"/>
    <mergeCell ref="E396:E399"/>
    <mergeCell ref="E404:E409"/>
    <mergeCell ref="E414:E420"/>
    <mergeCell ref="C313:E313"/>
    <mergeCell ref="C323:E323"/>
    <mergeCell ref="C333:E333"/>
    <mergeCell ref="C343:E343"/>
    <mergeCell ref="C361:E361"/>
    <mergeCell ref="C374:E374"/>
    <mergeCell ref="E376:E381"/>
    <mergeCell ref="E282:E292"/>
    <mergeCell ref="E297:E309"/>
    <mergeCell ref="E35:E43"/>
    <mergeCell ref="C268:E268"/>
    <mergeCell ref="C111:E111"/>
    <mergeCell ref="C136:E136"/>
    <mergeCell ref="C150:E150"/>
    <mergeCell ref="C163:E163"/>
    <mergeCell ref="C412:E412"/>
    <mergeCell ref="C210:E210"/>
    <mergeCell ref="C125:E125"/>
    <mergeCell ref="E127:E133"/>
    <mergeCell ref="E270:E277"/>
    <mergeCell ref="E138:E147"/>
    <mergeCell ref="A95:E95"/>
    <mergeCell ref="A101:A105"/>
    <mergeCell ref="E100:E108"/>
    <mergeCell ref="E113:E122"/>
    <mergeCell ref="A45:B45"/>
    <mergeCell ref="A411:B411"/>
    <mergeCell ref="A304:A306"/>
    <mergeCell ref="A297:A298"/>
    <mergeCell ref="A412:A413"/>
    <mergeCell ref="A138:A142"/>
    <mergeCell ref="A113:A117"/>
    <mergeCell ref="C295:E295"/>
    <mergeCell ref="A606:B606"/>
    <mergeCell ref="E9:E30"/>
    <mergeCell ref="E48:E93"/>
    <mergeCell ref="C46:E46"/>
    <mergeCell ref="E315:E320"/>
    <mergeCell ref="E325:E330"/>
    <mergeCell ref="E335:E340"/>
    <mergeCell ref="E345:E358"/>
    <mergeCell ref="E363:E370"/>
    <mergeCell ref="A210:A211"/>
    <mergeCell ref="B210:B211"/>
    <mergeCell ref="A55:A57"/>
    <mergeCell ref="A62:A65"/>
    <mergeCell ref="A70:A72"/>
    <mergeCell ref="A76:A78"/>
    <mergeCell ref="A33:A34"/>
    <mergeCell ref="B33:B34"/>
    <mergeCell ref="A79:A80"/>
    <mergeCell ref="A85:A86"/>
    <mergeCell ref="A87:A88"/>
    <mergeCell ref="A89:A90"/>
    <mergeCell ref="A209:B209"/>
    <mergeCell ref="C33:E33"/>
    <mergeCell ref="E425:E436"/>
  </mergeCells>
  <phoneticPr fontId="6"/>
  <dataValidations count="1">
    <dataValidation type="list" allowBlank="1" showInputMessage="1" showErrorMessage="1" sqref="G472">
      <formula1>"○,─"</formula1>
    </dataValidation>
  </dataValidations>
  <pageMargins left="0.78740157480314965" right="0.59055118110236227" top="0.78740157480314965" bottom="0.78740157480314965" header="0.51181102362204722" footer="0.51181102362204722"/>
  <pageSetup paperSize="9" scale="96" fitToHeight="0" orientation="portrait" r:id="rId1"/>
  <headerFooter alignWithMargins="0"/>
  <rowBreaks count="11" manualBreakCount="11">
    <brk id="43" max="16383" man="1"/>
    <brk id="94" max="16383" man="1"/>
    <brk id="147" max="16383" man="1"/>
    <brk id="207" max="16383" man="1"/>
    <brk id="265" max="16383" man="1"/>
    <brk id="320" max="16383" man="1"/>
    <brk id="371" max="16383" man="1"/>
    <brk id="420" max="16383" man="1"/>
    <brk id="477" max="16383" man="1"/>
    <brk id="535" max="16383" man="1"/>
    <brk id="592"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rgb="FF00B0F0"/>
    <pageSetUpPr fitToPage="1"/>
  </sheetPr>
  <dimension ref="A1:F687"/>
  <sheetViews>
    <sheetView showGridLines="0" view="pageBreakPreview" zoomScale="115" zoomScaleNormal="100" zoomScaleSheetLayoutView="115" workbookViewId="0">
      <selection activeCell="B13" sqref="B13"/>
    </sheetView>
  </sheetViews>
  <sheetFormatPr defaultColWidth="9" defaultRowHeight="13.2"/>
  <cols>
    <col min="1" max="1" width="20" style="49" bestFit="1" customWidth="1"/>
    <col min="2" max="2" width="58.21875" style="49" bestFit="1" customWidth="1"/>
    <col min="3" max="4" width="5.44140625" style="49" bestFit="1" customWidth="1"/>
    <col min="5" max="6" width="3.44140625" style="49" bestFit="1" customWidth="1"/>
    <col min="7" max="16384" width="9" style="49"/>
  </cols>
  <sheetData>
    <row r="1" spans="1:6">
      <c r="E1" s="49" t="s">
        <v>555</v>
      </c>
    </row>
    <row r="2" spans="1:6" ht="7.5" customHeight="1">
      <c r="A2" s="97"/>
    </row>
    <row r="3" spans="1:6" ht="7.5" customHeight="1">
      <c r="A3" s="97"/>
    </row>
    <row r="4" spans="1:6">
      <c r="A4" s="258" t="s">
        <v>772</v>
      </c>
      <c r="B4" s="258"/>
      <c r="C4" s="258"/>
      <c r="D4" s="258"/>
      <c r="E4" s="258"/>
    </row>
    <row r="5" spans="1:6">
      <c r="A5" s="13" t="s">
        <v>1166</v>
      </c>
      <c r="B5" s="14"/>
      <c r="C5" s="108"/>
      <c r="D5" s="108"/>
      <c r="E5" s="108"/>
    </row>
    <row r="6" spans="1:6">
      <c r="A6" s="13" t="s">
        <v>1167</v>
      </c>
      <c r="B6" s="14"/>
      <c r="C6" s="108"/>
      <c r="D6" s="108"/>
      <c r="E6" s="108"/>
    </row>
    <row r="7" spans="1:6" ht="13.5" customHeight="1">
      <c r="A7" s="250" t="s">
        <v>541</v>
      </c>
      <c r="B7" s="250" t="s">
        <v>214</v>
      </c>
      <c r="C7" s="247" t="s">
        <v>212</v>
      </c>
      <c r="D7" s="248"/>
      <c r="E7" s="249"/>
    </row>
    <row r="8" spans="1:6">
      <c r="A8" s="251"/>
      <c r="B8" s="251"/>
      <c r="C8" s="99" t="s">
        <v>120</v>
      </c>
      <c r="D8" s="99" t="s">
        <v>121</v>
      </c>
      <c r="E8" s="99" t="s">
        <v>215</v>
      </c>
    </row>
    <row r="9" spans="1:6" s="145" customFormat="1">
      <c r="A9" s="164" t="s">
        <v>299</v>
      </c>
      <c r="B9" s="151" t="s">
        <v>1168</v>
      </c>
      <c r="C9" s="113"/>
      <c r="D9" s="104"/>
      <c r="E9" s="244"/>
      <c r="F9" s="49"/>
    </row>
    <row r="10" spans="1:6" s="145" customFormat="1">
      <c r="A10" s="165" t="s">
        <v>300</v>
      </c>
      <c r="B10" s="77" t="s">
        <v>1169</v>
      </c>
      <c r="C10" s="105"/>
      <c r="D10" s="78"/>
      <c r="E10" s="245"/>
      <c r="F10" s="49"/>
    </row>
    <row r="11" spans="1:6" s="155" customFormat="1" ht="19.2">
      <c r="A11" s="165" t="s">
        <v>378</v>
      </c>
      <c r="B11" s="77" t="s">
        <v>1493</v>
      </c>
      <c r="C11" s="166"/>
      <c r="D11" s="78"/>
      <c r="E11" s="245"/>
      <c r="F11" s="49"/>
    </row>
    <row r="12" spans="1:6" s="155" customFormat="1">
      <c r="A12" s="77" t="s">
        <v>305</v>
      </c>
      <c r="B12" s="77" t="s">
        <v>352</v>
      </c>
      <c r="C12" s="167"/>
      <c r="D12" s="78"/>
      <c r="E12" s="245"/>
      <c r="F12" s="49"/>
    </row>
    <row r="13" spans="1:6" s="155" customFormat="1">
      <c r="A13" s="254" t="s">
        <v>304</v>
      </c>
      <c r="B13" s="77" t="s">
        <v>351</v>
      </c>
      <c r="C13" s="166"/>
      <c r="D13" s="78"/>
      <c r="E13" s="245"/>
      <c r="F13" s="49"/>
    </row>
    <row r="14" spans="1:6" s="155" customFormat="1">
      <c r="A14" s="254"/>
      <c r="B14" s="77" t="s">
        <v>310</v>
      </c>
      <c r="C14" s="166"/>
      <c r="D14" s="78"/>
      <c r="E14" s="245"/>
      <c r="F14" s="49"/>
    </row>
    <row r="15" spans="1:6" s="155" customFormat="1">
      <c r="A15" s="77" t="s">
        <v>306</v>
      </c>
      <c r="B15" s="77" t="s">
        <v>353</v>
      </c>
      <c r="C15" s="78"/>
      <c r="D15" s="168"/>
      <c r="E15" s="245"/>
      <c r="F15" s="49"/>
    </row>
    <row r="16" spans="1:6" s="155" customFormat="1">
      <c r="A16" s="169"/>
      <c r="B16" s="170"/>
      <c r="C16" s="78"/>
      <c r="D16" s="78"/>
      <c r="E16" s="245"/>
      <c r="F16" s="49"/>
    </row>
    <row r="17" spans="1:6" s="155" customFormat="1">
      <c r="A17" s="169"/>
      <c r="B17" s="170"/>
      <c r="C17" s="78"/>
      <c r="D17" s="78"/>
      <c r="E17" s="245"/>
      <c r="F17" s="49"/>
    </row>
    <row r="18" spans="1:6" s="155" customFormat="1">
      <c r="A18" s="153"/>
      <c r="B18" s="154"/>
      <c r="C18" s="102"/>
      <c r="D18" s="102"/>
      <c r="E18" s="246"/>
      <c r="F18" s="49"/>
    </row>
    <row r="19" spans="1:6">
      <c r="A19" s="13"/>
      <c r="B19" s="14"/>
      <c r="C19" s="108"/>
      <c r="D19" s="108"/>
      <c r="E19" s="108" t="s">
        <v>555</v>
      </c>
    </row>
    <row r="20" spans="1:6">
      <c r="A20" s="13" t="s">
        <v>124</v>
      </c>
      <c r="B20" s="14"/>
      <c r="C20" s="108"/>
      <c r="D20" s="108"/>
      <c r="E20" s="108"/>
    </row>
    <row r="21" spans="1:6" ht="13.5" customHeight="1">
      <c r="A21" s="250" t="s">
        <v>541</v>
      </c>
      <c r="B21" s="250" t="s">
        <v>214</v>
      </c>
      <c r="C21" s="247" t="s">
        <v>212</v>
      </c>
      <c r="D21" s="248"/>
      <c r="E21" s="249"/>
    </row>
    <row r="22" spans="1:6">
      <c r="A22" s="251"/>
      <c r="B22" s="251"/>
      <c r="C22" s="99" t="s">
        <v>120</v>
      </c>
      <c r="D22" s="99" t="s">
        <v>121</v>
      </c>
      <c r="E22" s="99" t="s">
        <v>215</v>
      </c>
    </row>
    <row r="23" spans="1:6" ht="19.2">
      <c r="A23" s="264" t="s">
        <v>472</v>
      </c>
      <c r="B23" s="12" t="s">
        <v>1170</v>
      </c>
      <c r="C23" s="171"/>
      <c r="D23" s="104"/>
      <c r="E23" s="244"/>
    </row>
    <row r="24" spans="1:6" ht="19.2">
      <c r="A24" s="254"/>
      <c r="B24" s="11" t="s">
        <v>1171</v>
      </c>
      <c r="C24" s="172"/>
      <c r="D24" s="78"/>
      <c r="E24" s="245"/>
    </row>
    <row r="25" spans="1:6" ht="19.2">
      <c r="A25" s="254"/>
      <c r="B25" s="11" t="s">
        <v>1172</v>
      </c>
      <c r="C25" s="172"/>
      <c r="D25" s="78"/>
      <c r="E25" s="245"/>
    </row>
    <row r="26" spans="1:6">
      <c r="A26" s="254"/>
      <c r="B26" s="11" t="s">
        <v>354</v>
      </c>
      <c r="C26" s="172"/>
      <c r="D26" s="78"/>
      <c r="E26" s="245"/>
    </row>
    <row r="27" spans="1:6">
      <c r="A27" s="254"/>
      <c r="B27" s="11" t="s">
        <v>355</v>
      </c>
      <c r="C27" s="172"/>
      <c r="D27" s="78"/>
      <c r="E27" s="245"/>
    </row>
    <row r="28" spans="1:6" ht="19.2">
      <c r="A28" s="254"/>
      <c r="B28" s="77" t="s">
        <v>356</v>
      </c>
      <c r="C28" s="172"/>
      <c r="D28" s="78"/>
      <c r="E28" s="245"/>
    </row>
    <row r="29" spans="1:6" ht="19.2">
      <c r="A29" s="254"/>
      <c r="B29" s="11" t="s">
        <v>51</v>
      </c>
      <c r="C29" s="172"/>
      <c r="D29" s="78"/>
      <c r="E29" s="245"/>
    </row>
    <row r="30" spans="1:6">
      <c r="A30" s="254"/>
      <c r="B30" s="11" t="s">
        <v>217</v>
      </c>
      <c r="C30" s="172"/>
      <c r="D30" s="78"/>
      <c r="E30" s="245"/>
    </row>
    <row r="31" spans="1:6">
      <c r="A31" s="254"/>
      <c r="B31" s="11" t="s">
        <v>473</v>
      </c>
      <c r="C31" s="172"/>
      <c r="D31" s="78"/>
      <c r="E31" s="245"/>
    </row>
    <row r="32" spans="1:6" s="68" customFormat="1">
      <c r="A32" s="254"/>
      <c r="B32" s="70" t="s">
        <v>209</v>
      </c>
      <c r="C32" s="173"/>
      <c r="D32" s="78"/>
      <c r="E32" s="245"/>
      <c r="F32" s="49"/>
    </row>
    <row r="33" spans="1:6" s="93" customFormat="1">
      <c r="A33" s="254" t="s">
        <v>357</v>
      </c>
      <c r="B33" s="11" t="s">
        <v>1173</v>
      </c>
      <c r="C33" s="174"/>
      <c r="D33" s="78"/>
      <c r="E33" s="245"/>
      <c r="F33" s="49"/>
    </row>
    <row r="34" spans="1:6">
      <c r="A34" s="254"/>
      <c r="B34" s="11" t="s">
        <v>1174</v>
      </c>
      <c r="C34" s="172"/>
      <c r="D34" s="78"/>
      <c r="E34" s="245"/>
    </row>
    <row r="35" spans="1:6" ht="13.5" customHeight="1">
      <c r="A35" s="252" t="s">
        <v>773</v>
      </c>
      <c r="B35" s="11" t="s">
        <v>1173</v>
      </c>
      <c r="C35" s="172"/>
      <c r="D35" s="78"/>
      <c r="E35" s="245"/>
    </row>
    <row r="36" spans="1:6">
      <c r="A36" s="252"/>
      <c r="B36" s="11" t="s">
        <v>8</v>
      </c>
      <c r="C36" s="78"/>
      <c r="D36" s="157"/>
      <c r="E36" s="245"/>
    </row>
    <row r="37" spans="1:6">
      <c r="A37" s="254" t="s">
        <v>474</v>
      </c>
      <c r="B37" s="77" t="s">
        <v>1175</v>
      </c>
      <c r="C37" s="172"/>
      <c r="D37" s="78"/>
      <c r="E37" s="245"/>
    </row>
    <row r="38" spans="1:6">
      <c r="A38" s="254"/>
      <c r="B38" s="77" t="s">
        <v>123</v>
      </c>
      <c r="C38" s="172"/>
      <c r="D38" s="78"/>
      <c r="E38" s="245"/>
    </row>
    <row r="39" spans="1:6">
      <c r="A39" s="254"/>
      <c r="B39" s="11" t="s">
        <v>1176</v>
      </c>
      <c r="C39" s="172"/>
      <c r="D39" s="78"/>
      <c r="E39" s="245"/>
    </row>
    <row r="40" spans="1:6">
      <c r="A40" s="11" t="s">
        <v>125</v>
      </c>
      <c r="B40" s="11" t="s">
        <v>1177</v>
      </c>
      <c r="C40" s="172"/>
      <c r="D40" s="78"/>
      <c r="E40" s="245"/>
    </row>
    <row r="41" spans="1:6">
      <c r="A41" s="11" t="s">
        <v>475</v>
      </c>
      <c r="B41" s="11" t="s">
        <v>1178</v>
      </c>
      <c r="C41" s="172"/>
      <c r="D41" s="78"/>
      <c r="E41" s="245"/>
    </row>
    <row r="42" spans="1:6">
      <c r="A42" s="11" t="s">
        <v>476</v>
      </c>
      <c r="B42" s="11" t="s">
        <v>1179</v>
      </c>
      <c r="C42" s="172"/>
      <c r="D42" s="78"/>
      <c r="E42" s="245"/>
    </row>
    <row r="43" spans="1:6">
      <c r="A43" s="254" t="s">
        <v>308</v>
      </c>
      <c r="B43" s="11" t="s">
        <v>1180</v>
      </c>
      <c r="C43" s="172"/>
      <c r="D43" s="78"/>
      <c r="E43" s="245"/>
    </row>
    <row r="44" spans="1:6">
      <c r="A44" s="254"/>
      <c r="B44" s="11" t="s">
        <v>1181</v>
      </c>
      <c r="C44" s="172"/>
      <c r="D44" s="78"/>
      <c r="E44" s="245"/>
    </row>
    <row r="45" spans="1:6">
      <c r="A45" s="11"/>
      <c r="B45" s="11"/>
      <c r="C45" s="78"/>
      <c r="D45" s="78"/>
      <c r="E45" s="245"/>
    </row>
    <row r="46" spans="1:6">
      <c r="A46" s="11"/>
      <c r="B46" s="11"/>
      <c r="C46" s="78"/>
      <c r="D46" s="78"/>
      <c r="E46" s="245"/>
    </row>
    <row r="47" spans="1:6">
      <c r="A47" s="15"/>
      <c r="B47" s="15"/>
      <c r="C47" s="102"/>
      <c r="D47" s="102"/>
      <c r="E47" s="246"/>
    </row>
    <row r="48" spans="1:6">
      <c r="A48" s="13"/>
      <c r="B48" s="14"/>
      <c r="C48" s="108"/>
      <c r="D48" s="108"/>
      <c r="E48" s="108"/>
    </row>
    <row r="49" spans="1:5">
      <c r="A49" s="13" t="s">
        <v>584</v>
      </c>
      <c r="B49" s="14"/>
      <c r="C49" s="108"/>
      <c r="D49" s="108"/>
      <c r="E49" s="108"/>
    </row>
    <row r="50" spans="1:5" ht="13.5" customHeight="1">
      <c r="A50" s="250" t="s">
        <v>541</v>
      </c>
      <c r="B50" s="250" t="s">
        <v>214</v>
      </c>
      <c r="C50" s="247" t="s">
        <v>212</v>
      </c>
      <c r="D50" s="248"/>
      <c r="E50" s="249"/>
    </row>
    <row r="51" spans="1:5">
      <c r="A51" s="251"/>
      <c r="B51" s="251"/>
      <c r="C51" s="99" t="s">
        <v>120</v>
      </c>
      <c r="D51" s="99" t="s">
        <v>121</v>
      </c>
      <c r="E51" s="99" t="s">
        <v>215</v>
      </c>
    </row>
    <row r="52" spans="1:5">
      <c r="A52" s="262" t="s">
        <v>191</v>
      </c>
      <c r="B52" s="12" t="s">
        <v>393</v>
      </c>
      <c r="C52" s="171"/>
      <c r="D52" s="104"/>
      <c r="E52" s="244"/>
    </row>
    <row r="53" spans="1:5">
      <c r="A53" s="261"/>
      <c r="B53" s="11" t="s">
        <v>1182</v>
      </c>
      <c r="C53" s="172"/>
      <c r="D53" s="78"/>
      <c r="E53" s="245"/>
    </row>
    <row r="54" spans="1:5">
      <c r="A54" s="11" t="s">
        <v>307</v>
      </c>
      <c r="B54" s="11" t="s">
        <v>1183</v>
      </c>
      <c r="C54" s="172"/>
      <c r="D54" s="78"/>
      <c r="E54" s="245"/>
    </row>
    <row r="55" spans="1:5">
      <c r="A55" s="11"/>
      <c r="B55" s="11"/>
      <c r="C55" s="78"/>
      <c r="D55" s="78"/>
      <c r="E55" s="245"/>
    </row>
    <row r="56" spans="1:5">
      <c r="A56" s="15"/>
      <c r="B56" s="15"/>
      <c r="C56" s="102"/>
      <c r="D56" s="102"/>
      <c r="E56" s="246"/>
    </row>
    <row r="57" spans="1:5">
      <c r="A57" s="13"/>
      <c r="B57" s="14"/>
      <c r="C57" s="108"/>
      <c r="D57" s="108"/>
      <c r="E57" s="108" t="s">
        <v>555</v>
      </c>
    </row>
    <row r="58" spans="1:5">
      <c r="A58" s="13" t="s">
        <v>477</v>
      </c>
      <c r="B58" s="14"/>
      <c r="C58" s="108"/>
      <c r="D58" s="108"/>
      <c r="E58" s="108"/>
    </row>
    <row r="59" spans="1:5" ht="13.5" customHeight="1">
      <c r="A59" s="250" t="s">
        <v>541</v>
      </c>
      <c r="B59" s="250" t="s">
        <v>214</v>
      </c>
      <c r="C59" s="247" t="s">
        <v>212</v>
      </c>
      <c r="D59" s="248"/>
      <c r="E59" s="249"/>
    </row>
    <row r="60" spans="1:5">
      <c r="A60" s="251"/>
      <c r="B60" s="251"/>
      <c r="C60" s="99" t="s">
        <v>120</v>
      </c>
      <c r="D60" s="99" t="s">
        <v>121</v>
      </c>
      <c r="E60" s="99" t="s">
        <v>215</v>
      </c>
    </row>
    <row r="61" spans="1:5">
      <c r="A61" s="12" t="s">
        <v>126</v>
      </c>
      <c r="B61" s="12" t="s">
        <v>1184</v>
      </c>
      <c r="C61" s="171"/>
      <c r="D61" s="104"/>
      <c r="E61" s="244"/>
    </row>
    <row r="62" spans="1:5">
      <c r="A62" s="11" t="s">
        <v>127</v>
      </c>
      <c r="B62" s="11" t="s">
        <v>394</v>
      </c>
      <c r="C62" s="172"/>
      <c r="D62" s="78"/>
      <c r="E62" s="245"/>
    </row>
    <row r="63" spans="1:5">
      <c r="A63" s="11" t="s">
        <v>379</v>
      </c>
      <c r="B63" s="11" t="s">
        <v>1185</v>
      </c>
      <c r="C63" s="172"/>
      <c r="D63" s="78"/>
      <c r="E63" s="245"/>
    </row>
    <row r="64" spans="1:5">
      <c r="A64" s="11"/>
      <c r="B64" s="11"/>
      <c r="C64" s="78"/>
      <c r="D64" s="78"/>
      <c r="E64" s="245"/>
    </row>
    <row r="65" spans="1:5">
      <c r="A65" s="15"/>
      <c r="B65" s="15"/>
      <c r="C65" s="102"/>
      <c r="D65" s="102"/>
      <c r="E65" s="246"/>
    </row>
    <row r="66" spans="1:5">
      <c r="A66" s="13"/>
      <c r="B66" s="14"/>
      <c r="C66" s="108"/>
      <c r="D66" s="108"/>
      <c r="E66" s="108"/>
    </row>
    <row r="67" spans="1:5">
      <c r="A67" s="13" t="s">
        <v>556</v>
      </c>
      <c r="B67" s="14"/>
      <c r="C67" s="108"/>
      <c r="D67" s="108"/>
      <c r="E67" s="108"/>
    </row>
    <row r="68" spans="1:5" ht="13.5" customHeight="1">
      <c r="A68" s="250" t="s">
        <v>541</v>
      </c>
      <c r="B68" s="250" t="s">
        <v>214</v>
      </c>
      <c r="C68" s="247" t="s">
        <v>212</v>
      </c>
      <c r="D68" s="248"/>
      <c r="E68" s="249"/>
    </row>
    <row r="69" spans="1:5">
      <c r="A69" s="251"/>
      <c r="B69" s="251"/>
      <c r="C69" s="99" t="s">
        <v>120</v>
      </c>
      <c r="D69" s="99" t="s">
        <v>121</v>
      </c>
      <c r="E69" s="99" t="s">
        <v>215</v>
      </c>
    </row>
    <row r="70" spans="1:5">
      <c r="A70" s="264" t="s">
        <v>557</v>
      </c>
      <c r="B70" s="12" t="s">
        <v>774</v>
      </c>
      <c r="C70" s="171"/>
      <c r="D70" s="104"/>
      <c r="E70" s="244"/>
    </row>
    <row r="71" spans="1:5">
      <c r="A71" s="254"/>
      <c r="B71" s="11" t="s">
        <v>1186</v>
      </c>
      <c r="C71" s="172"/>
      <c r="D71" s="172"/>
      <c r="E71" s="245"/>
    </row>
    <row r="72" spans="1:5">
      <c r="A72" s="254"/>
      <c r="B72" s="11" t="s">
        <v>1187</v>
      </c>
      <c r="C72" s="172"/>
      <c r="D72" s="78"/>
      <c r="E72" s="245"/>
    </row>
    <row r="73" spans="1:5">
      <c r="A73" s="254"/>
      <c r="B73" s="11" t="s">
        <v>1188</v>
      </c>
      <c r="C73" s="172"/>
      <c r="D73" s="78"/>
      <c r="E73" s="245"/>
    </row>
    <row r="74" spans="1:5">
      <c r="A74" s="254"/>
      <c r="B74" s="11" t="s">
        <v>539</v>
      </c>
      <c r="C74" s="172"/>
      <c r="D74" s="78"/>
      <c r="E74" s="245"/>
    </row>
    <row r="75" spans="1:5">
      <c r="A75" s="11"/>
      <c r="B75" s="11"/>
      <c r="C75" s="78"/>
      <c r="D75" s="78"/>
      <c r="E75" s="245"/>
    </row>
    <row r="76" spans="1:5">
      <c r="A76" s="15"/>
      <c r="B76" s="15"/>
      <c r="C76" s="102"/>
      <c r="D76" s="102"/>
      <c r="E76" s="246"/>
    </row>
    <row r="77" spans="1:5">
      <c r="A77" s="13"/>
      <c r="B77" s="14"/>
      <c r="C77" s="108"/>
      <c r="D77" s="108"/>
      <c r="E77" s="108"/>
    </row>
    <row r="78" spans="1:5">
      <c r="A78" s="13" t="s">
        <v>585</v>
      </c>
      <c r="B78" s="14"/>
      <c r="C78" s="108"/>
      <c r="D78" s="108"/>
      <c r="E78" s="108"/>
    </row>
    <row r="79" spans="1:5" ht="13.5" customHeight="1">
      <c r="A79" s="250" t="s">
        <v>541</v>
      </c>
      <c r="B79" s="250" t="s">
        <v>214</v>
      </c>
      <c r="C79" s="247" t="s">
        <v>212</v>
      </c>
      <c r="D79" s="248"/>
      <c r="E79" s="249"/>
    </row>
    <row r="80" spans="1:5">
      <c r="A80" s="251"/>
      <c r="B80" s="251"/>
      <c r="C80" s="99" t="s">
        <v>120</v>
      </c>
      <c r="D80" s="99" t="s">
        <v>121</v>
      </c>
      <c r="E80" s="99" t="s">
        <v>215</v>
      </c>
    </row>
    <row r="81" spans="1:5">
      <c r="A81" s="264" t="s">
        <v>165</v>
      </c>
      <c r="B81" s="12" t="s">
        <v>166</v>
      </c>
      <c r="C81" s="104"/>
      <c r="D81" s="104"/>
      <c r="E81" s="244"/>
    </row>
    <row r="82" spans="1:5">
      <c r="A82" s="254"/>
      <c r="B82" s="11" t="s">
        <v>216</v>
      </c>
      <c r="C82" s="172"/>
      <c r="D82" s="78"/>
      <c r="E82" s="245"/>
    </row>
    <row r="83" spans="1:5">
      <c r="A83" s="254"/>
      <c r="B83" s="11" t="s">
        <v>478</v>
      </c>
      <c r="C83" s="172"/>
      <c r="D83" s="78"/>
      <c r="E83" s="245"/>
    </row>
    <row r="84" spans="1:5">
      <c r="A84" s="254"/>
      <c r="B84" s="11" t="s">
        <v>282</v>
      </c>
      <c r="C84" s="172"/>
      <c r="D84" s="78"/>
      <c r="E84" s="245"/>
    </row>
    <row r="85" spans="1:5">
      <c r="A85" s="254"/>
      <c r="B85" s="11" t="s">
        <v>775</v>
      </c>
      <c r="C85" s="78"/>
      <c r="D85" s="78"/>
      <c r="E85" s="245"/>
    </row>
    <row r="86" spans="1:5" ht="13.5" customHeight="1">
      <c r="A86" s="254"/>
      <c r="B86" s="77" t="s">
        <v>479</v>
      </c>
      <c r="C86" s="172"/>
      <c r="D86" s="78"/>
      <c r="E86" s="245"/>
    </row>
    <row r="87" spans="1:5">
      <c r="A87" s="254"/>
      <c r="B87" s="77" t="s">
        <v>776</v>
      </c>
      <c r="C87" s="78"/>
      <c r="D87" s="78"/>
      <c r="E87" s="245"/>
    </row>
    <row r="88" spans="1:5">
      <c r="A88" s="254"/>
      <c r="B88" s="11" t="s">
        <v>167</v>
      </c>
      <c r="C88" s="172"/>
      <c r="D88" s="78"/>
      <c r="E88" s="245"/>
    </row>
    <row r="89" spans="1:5" ht="30" customHeight="1">
      <c r="A89" s="254" t="s">
        <v>168</v>
      </c>
      <c r="B89" s="11" t="s">
        <v>169</v>
      </c>
      <c r="C89" s="172"/>
      <c r="D89" s="78"/>
      <c r="E89" s="245"/>
    </row>
    <row r="90" spans="1:5">
      <c r="A90" s="254"/>
      <c r="B90" s="165" t="s">
        <v>777</v>
      </c>
      <c r="C90" s="172"/>
      <c r="D90" s="78"/>
      <c r="E90" s="245"/>
    </row>
    <row r="91" spans="1:5">
      <c r="A91" s="254"/>
      <c r="B91" s="165" t="s">
        <v>2</v>
      </c>
      <c r="C91" s="78"/>
      <c r="D91" s="78"/>
      <c r="E91" s="245"/>
    </row>
    <row r="92" spans="1:5">
      <c r="A92" s="254" t="s">
        <v>170</v>
      </c>
      <c r="B92" s="11" t="s">
        <v>3</v>
      </c>
      <c r="C92" s="172"/>
      <c r="D92" s="78"/>
      <c r="E92" s="245"/>
    </row>
    <row r="93" spans="1:5">
      <c r="A93" s="254"/>
      <c r="B93" s="11" t="s">
        <v>171</v>
      </c>
      <c r="C93" s="78"/>
      <c r="D93" s="78"/>
      <c r="E93" s="245"/>
    </row>
    <row r="94" spans="1:5">
      <c r="A94" s="254" t="s">
        <v>480</v>
      </c>
      <c r="B94" s="11" t="s">
        <v>481</v>
      </c>
      <c r="C94" s="172"/>
      <c r="D94" s="78"/>
      <c r="E94" s="245"/>
    </row>
    <row r="95" spans="1:5" ht="19.2">
      <c r="A95" s="254"/>
      <c r="B95" s="11" t="s">
        <v>4</v>
      </c>
      <c r="C95" s="172"/>
      <c r="D95" s="78"/>
      <c r="E95" s="245"/>
    </row>
    <row r="96" spans="1:5">
      <c r="A96" s="11"/>
      <c r="B96" s="11"/>
      <c r="C96" s="78"/>
      <c r="D96" s="78"/>
      <c r="E96" s="245"/>
    </row>
    <row r="97" spans="1:5">
      <c r="A97" s="11"/>
      <c r="B97" s="11"/>
      <c r="C97" s="78"/>
      <c r="D97" s="78"/>
      <c r="E97" s="245"/>
    </row>
    <row r="98" spans="1:5">
      <c r="A98" s="15"/>
      <c r="B98" s="15"/>
      <c r="C98" s="102"/>
      <c r="D98" s="102"/>
      <c r="E98" s="246"/>
    </row>
    <row r="99" spans="1:5">
      <c r="A99" s="13"/>
      <c r="B99" s="14"/>
      <c r="C99" s="108"/>
      <c r="D99" s="108"/>
      <c r="E99" s="108"/>
    </row>
    <row r="100" spans="1:5">
      <c r="A100" s="118" t="s">
        <v>586</v>
      </c>
      <c r="B100" s="118"/>
      <c r="C100" s="108"/>
      <c r="D100" s="108"/>
      <c r="E100" s="108"/>
    </row>
    <row r="101" spans="1:5" ht="13.5" customHeight="1">
      <c r="A101" s="250" t="s">
        <v>541</v>
      </c>
      <c r="B101" s="250" t="s">
        <v>214</v>
      </c>
      <c r="C101" s="247" t="s">
        <v>212</v>
      </c>
      <c r="D101" s="248"/>
      <c r="E101" s="249"/>
    </row>
    <row r="102" spans="1:5">
      <c r="A102" s="251"/>
      <c r="B102" s="251"/>
      <c r="C102" s="99" t="s">
        <v>120</v>
      </c>
      <c r="D102" s="99" t="s">
        <v>121</v>
      </c>
      <c r="E102" s="99" t="s">
        <v>215</v>
      </c>
    </row>
    <row r="103" spans="1:5">
      <c r="A103" s="12" t="s">
        <v>172</v>
      </c>
      <c r="B103" s="12" t="s">
        <v>1189</v>
      </c>
      <c r="C103" s="171"/>
      <c r="D103" s="104"/>
      <c r="E103" s="244"/>
    </row>
    <row r="104" spans="1:5">
      <c r="A104" s="11"/>
      <c r="B104" s="11" t="s">
        <v>6</v>
      </c>
      <c r="C104" s="172"/>
      <c r="D104" s="78"/>
      <c r="E104" s="245"/>
    </row>
    <row r="105" spans="1:5">
      <c r="A105" s="11"/>
      <c r="B105" s="11" t="s">
        <v>5</v>
      </c>
      <c r="C105" s="78"/>
      <c r="D105" s="78"/>
      <c r="E105" s="245"/>
    </row>
    <row r="106" spans="1:5">
      <c r="A106" s="175"/>
      <c r="B106" s="175"/>
      <c r="C106" s="156"/>
      <c r="D106" s="156"/>
      <c r="E106" s="281"/>
    </row>
    <row r="107" spans="1:5">
      <c r="A107" s="15"/>
      <c r="B107" s="15"/>
      <c r="C107" s="102"/>
      <c r="D107" s="102"/>
      <c r="E107" s="246"/>
    </row>
    <row r="108" spans="1:5">
      <c r="A108" s="13"/>
      <c r="B108" s="14"/>
      <c r="C108" s="108"/>
      <c r="D108" s="108"/>
      <c r="E108" s="108"/>
    </row>
    <row r="109" spans="1:5">
      <c r="A109" s="118" t="s">
        <v>778</v>
      </c>
      <c r="B109" s="118"/>
      <c r="C109" s="108"/>
      <c r="D109" s="108"/>
      <c r="E109" s="108"/>
    </row>
    <row r="110" spans="1:5">
      <c r="A110" s="250" t="s">
        <v>541</v>
      </c>
      <c r="B110" s="250" t="s">
        <v>214</v>
      </c>
      <c r="C110" s="247" t="s">
        <v>212</v>
      </c>
      <c r="D110" s="248"/>
      <c r="E110" s="249"/>
    </row>
    <row r="111" spans="1:5">
      <c r="A111" s="251"/>
      <c r="B111" s="251"/>
      <c r="C111" s="99" t="s">
        <v>120</v>
      </c>
      <c r="D111" s="99" t="s">
        <v>121</v>
      </c>
      <c r="E111" s="99" t="s">
        <v>215</v>
      </c>
    </row>
    <row r="112" spans="1:5" ht="30" customHeight="1">
      <c r="A112" s="33" t="s">
        <v>783</v>
      </c>
      <c r="B112" s="33" t="s">
        <v>784</v>
      </c>
      <c r="C112" s="171"/>
      <c r="D112" s="104"/>
      <c r="E112" s="244"/>
    </row>
    <row r="113" spans="1:5">
      <c r="A113" s="11"/>
      <c r="B113" s="11"/>
      <c r="C113" s="78"/>
      <c r="D113" s="78"/>
      <c r="E113" s="245"/>
    </row>
    <row r="114" spans="1:5">
      <c r="A114" s="15"/>
      <c r="B114" s="15"/>
      <c r="C114" s="102"/>
      <c r="D114" s="102"/>
      <c r="E114" s="246"/>
    </row>
    <row r="115" spans="1:5">
      <c r="A115" s="13"/>
      <c r="B115" s="14"/>
      <c r="C115" s="108"/>
      <c r="D115" s="108"/>
      <c r="E115" s="108"/>
    </row>
    <row r="116" spans="1:5">
      <c r="A116" s="118" t="s">
        <v>779</v>
      </c>
      <c r="B116" s="118"/>
      <c r="C116" s="108"/>
      <c r="D116" s="108"/>
      <c r="E116" s="108"/>
    </row>
    <row r="117" spans="1:5">
      <c r="A117" s="250" t="s">
        <v>541</v>
      </c>
      <c r="B117" s="250" t="s">
        <v>214</v>
      </c>
      <c r="C117" s="247" t="s">
        <v>212</v>
      </c>
      <c r="D117" s="248"/>
      <c r="E117" s="249"/>
    </row>
    <row r="118" spans="1:5">
      <c r="A118" s="251"/>
      <c r="B118" s="251"/>
      <c r="C118" s="99" t="s">
        <v>120</v>
      </c>
      <c r="D118" s="99" t="s">
        <v>121</v>
      </c>
      <c r="E118" s="99" t="s">
        <v>215</v>
      </c>
    </row>
    <row r="119" spans="1:5">
      <c r="A119" s="280" t="s">
        <v>785</v>
      </c>
      <c r="B119" s="33" t="s">
        <v>786</v>
      </c>
      <c r="C119" s="171"/>
      <c r="D119" s="104"/>
      <c r="E119" s="244"/>
    </row>
    <row r="120" spans="1:5">
      <c r="A120" s="252"/>
      <c r="B120" s="34" t="s">
        <v>787</v>
      </c>
      <c r="C120" s="172"/>
      <c r="D120" s="78"/>
      <c r="E120" s="245"/>
    </row>
    <row r="121" spans="1:5">
      <c r="A121" s="252" t="s">
        <v>788</v>
      </c>
      <c r="B121" s="34" t="s">
        <v>789</v>
      </c>
      <c r="C121" s="78"/>
      <c r="D121" s="78"/>
      <c r="E121" s="245"/>
    </row>
    <row r="122" spans="1:5">
      <c r="A122" s="252"/>
      <c r="B122" s="120" t="s">
        <v>790</v>
      </c>
      <c r="C122" s="78"/>
      <c r="D122" s="78"/>
      <c r="E122" s="245"/>
    </row>
    <row r="123" spans="1:5">
      <c r="A123" s="120"/>
      <c r="B123" s="120"/>
      <c r="C123" s="78"/>
      <c r="D123" s="78"/>
      <c r="E123" s="245"/>
    </row>
    <row r="124" spans="1:5">
      <c r="A124" s="15"/>
      <c r="B124" s="15"/>
      <c r="C124" s="102"/>
      <c r="D124" s="102"/>
      <c r="E124" s="246"/>
    </row>
    <row r="125" spans="1:5">
      <c r="A125" s="13"/>
      <c r="B125" s="14"/>
      <c r="C125" s="108"/>
      <c r="D125" s="108"/>
      <c r="E125" s="108"/>
    </row>
    <row r="126" spans="1:5">
      <c r="A126" s="118" t="s">
        <v>780</v>
      </c>
      <c r="B126" s="118"/>
      <c r="C126" s="108"/>
      <c r="D126" s="108"/>
      <c r="E126" s="108"/>
    </row>
    <row r="127" spans="1:5">
      <c r="A127" s="250" t="s">
        <v>541</v>
      </c>
      <c r="B127" s="250" t="s">
        <v>214</v>
      </c>
      <c r="C127" s="255" t="s">
        <v>212</v>
      </c>
      <c r="D127" s="256"/>
      <c r="E127" s="257"/>
    </row>
    <row r="128" spans="1:5">
      <c r="A128" s="251"/>
      <c r="B128" s="251"/>
      <c r="C128" s="99" t="s">
        <v>120</v>
      </c>
      <c r="D128" s="99" t="s">
        <v>121</v>
      </c>
      <c r="E128" s="99" t="s">
        <v>215</v>
      </c>
    </row>
    <row r="129" spans="1:5">
      <c r="A129" s="278" t="s">
        <v>791</v>
      </c>
      <c r="B129" s="42" t="s">
        <v>792</v>
      </c>
      <c r="C129" s="104"/>
      <c r="D129" s="104"/>
      <c r="E129" s="244"/>
    </row>
    <row r="130" spans="1:5">
      <c r="A130" s="277"/>
      <c r="B130" s="80" t="s">
        <v>793</v>
      </c>
      <c r="C130" s="172"/>
      <c r="D130" s="78"/>
      <c r="E130" s="245"/>
    </row>
    <row r="131" spans="1:5">
      <c r="A131" s="11"/>
      <c r="B131" s="11"/>
      <c r="C131" s="78"/>
      <c r="D131" s="78"/>
      <c r="E131" s="245"/>
    </row>
    <row r="132" spans="1:5">
      <c r="A132" s="15"/>
      <c r="B132" s="15"/>
      <c r="C132" s="102"/>
      <c r="D132" s="102"/>
      <c r="E132" s="246"/>
    </row>
    <row r="133" spans="1:5">
      <c r="A133" s="13"/>
      <c r="B133" s="14"/>
      <c r="C133" s="108"/>
      <c r="D133" s="108"/>
      <c r="E133" s="108"/>
    </row>
    <row r="134" spans="1:5">
      <c r="A134" s="118" t="s">
        <v>781</v>
      </c>
      <c r="B134" s="118"/>
      <c r="C134" s="108"/>
      <c r="D134" s="108"/>
      <c r="E134" s="108"/>
    </row>
    <row r="135" spans="1:5">
      <c r="A135" s="250" t="s">
        <v>541</v>
      </c>
      <c r="B135" s="250" t="s">
        <v>214</v>
      </c>
      <c r="C135" s="247" t="s">
        <v>212</v>
      </c>
      <c r="D135" s="248"/>
      <c r="E135" s="249"/>
    </row>
    <row r="136" spans="1:5">
      <c r="A136" s="251"/>
      <c r="B136" s="251"/>
      <c r="C136" s="99" t="s">
        <v>120</v>
      </c>
      <c r="D136" s="99" t="s">
        <v>121</v>
      </c>
      <c r="E136" s="99" t="s">
        <v>215</v>
      </c>
    </row>
    <row r="137" spans="1:5">
      <c r="A137" s="42" t="s">
        <v>794</v>
      </c>
      <c r="B137" s="42" t="s">
        <v>797</v>
      </c>
      <c r="C137" s="78"/>
      <c r="D137" s="104"/>
      <c r="E137" s="244"/>
    </row>
    <row r="138" spans="1:5">
      <c r="A138" s="80" t="s">
        <v>795</v>
      </c>
      <c r="B138" s="80" t="s">
        <v>798</v>
      </c>
      <c r="C138" s="172"/>
      <c r="D138" s="78"/>
      <c r="E138" s="245"/>
    </row>
    <row r="139" spans="1:5">
      <c r="A139" s="11"/>
      <c r="B139" s="11"/>
      <c r="C139" s="78"/>
      <c r="D139" s="78"/>
      <c r="E139" s="245"/>
    </row>
    <row r="140" spans="1:5">
      <c r="A140" s="15"/>
      <c r="B140" s="15"/>
      <c r="C140" s="102"/>
      <c r="D140" s="102"/>
      <c r="E140" s="246"/>
    </row>
    <row r="141" spans="1:5">
      <c r="A141" s="13"/>
      <c r="B141" s="14"/>
      <c r="C141" s="108"/>
      <c r="D141" s="108"/>
      <c r="E141" s="108"/>
    </row>
    <row r="142" spans="1:5">
      <c r="A142" s="118" t="s">
        <v>782</v>
      </c>
      <c r="B142" s="118"/>
      <c r="C142" s="108"/>
      <c r="D142" s="108"/>
      <c r="E142" s="108"/>
    </row>
    <row r="143" spans="1:5">
      <c r="A143" s="250" t="s">
        <v>541</v>
      </c>
      <c r="B143" s="250" t="s">
        <v>214</v>
      </c>
      <c r="C143" s="247" t="s">
        <v>212</v>
      </c>
      <c r="D143" s="248"/>
      <c r="E143" s="249"/>
    </row>
    <row r="144" spans="1:5">
      <c r="A144" s="251"/>
      <c r="B144" s="251"/>
      <c r="C144" s="99" t="s">
        <v>120</v>
      </c>
      <c r="D144" s="99" t="s">
        <v>121</v>
      </c>
      <c r="E144" s="99" t="s">
        <v>215</v>
      </c>
    </row>
    <row r="145" spans="1:5">
      <c r="A145" s="42" t="s">
        <v>69</v>
      </c>
      <c r="B145" s="176" t="s">
        <v>796</v>
      </c>
      <c r="C145" s="171"/>
      <c r="D145" s="104"/>
      <c r="E145" s="244"/>
    </row>
    <row r="146" spans="1:5" ht="19.2">
      <c r="A146" s="279" t="s">
        <v>70</v>
      </c>
      <c r="B146" s="80" t="s">
        <v>60</v>
      </c>
      <c r="C146" s="78"/>
      <c r="D146" s="78"/>
      <c r="E146" s="245"/>
    </row>
    <row r="147" spans="1:5">
      <c r="A147" s="276"/>
      <c r="B147" s="80" t="s">
        <v>61</v>
      </c>
      <c r="C147" s="172"/>
      <c r="D147" s="78"/>
      <c r="E147" s="245"/>
    </row>
    <row r="148" spans="1:5">
      <c r="A148" s="11"/>
      <c r="B148" s="11"/>
      <c r="C148" s="78"/>
      <c r="D148" s="78"/>
      <c r="E148" s="245"/>
    </row>
    <row r="149" spans="1:5">
      <c r="A149" s="15"/>
      <c r="B149" s="15"/>
      <c r="C149" s="102"/>
      <c r="D149" s="102"/>
      <c r="E149" s="246"/>
    </row>
    <row r="150" spans="1:5">
      <c r="A150" s="13"/>
      <c r="B150" s="14"/>
      <c r="C150" s="108"/>
      <c r="D150" s="108"/>
      <c r="E150" s="108" t="s">
        <v>555</v>
      </c>
    </row>
    <row r="151" spans="1:5">
      <c r="A151" s="13" t="s">
        <v>587</v>
      </c>
      <c r="B151" s="14"/>
      <c r="C151" s="108"/>
      <c r="D151" s="108"/>
      <c r="E151" s="108"/>
    </row>
    <row r="152" spans="1:5">
      <c r="A152" s="13" t="s">
        <v>588</v>
      </c>
      <c r="B152" s="14"/>
      <c r="C152" s="108"/>
      <c r="D152" s="108"/>
      <c r="E152" s="108"/>
    </row>
    <row r="153" spans="1:5" ht="13.5" customHeight="1">
      <c r="A153" s="250" t="s">
        <v>541</v>
      </c>
      <c r="B153" s="250" t="s">
        <v>214</v>
      </c>
      <c r="C153" s="255" t="s">
        <v>212</v>
      </c>
      <c r="D153" s="256"/>
      <c r="E153" s="257"/>
    </row>
    <row r="154" spans="1:5">
      <c r="A154" s="251"/>
      <c r="B154" s="251"/>
      <c r="C154" s="99" t="s">
        <v>120</v>
      </c>
      <c r="D154" s="99" t="s">
        <v>121</v>
      </c>
      <c r="E154" s="99" t="s">
        <v>215</v>
      </c>
    </row>
    <row r="155" spans="1:5">
      <c r="A155" s="12" t="s">
        <v>9</v>
      </c>
      <c r="B155" s="12" t="s">
        <v>1074</v>
      </c>
      <c r="C155" s="171"/>
      <c r="D155" s="104"/>
      <c r="E155" s="244"/>
    </row>
    <row r="156" spans="1:5">
      <c r="A156" s="11" t="s">
        <v>7</v>
      </c>
      <c r="B156" s="11" t="s">
        <v>1190</v>
      </c>
      <c r="C156" s="172"/>
      <c r="D156" s="78"/>
      <c r="E156" s="245"/>
    </row>
    <row r="157" spans="1:5" ht="19.2">
      <c r="A157" s="254" t="s">
        <v>1191</v>
      </c>
      <c r="B157" s="11" t="s">
        <v>1192</v>
      </c>
      <c r="C157" s="172"/>
      <c r="D157" s="78"/>
      <c r="E157" s="245"/>
    </row>
    <row r="158" spans="1:5">
      <c r="A158" s="254"/>
      <c r="B158" s="11" t="s">
        <v>10</v>
      </c>
      <c r="C158" s="172"/>
      <c r="D158" s="78"/>
      <c r="E158" s="245"/>
    </row>
    <row r="159" spans="1:5">
      <c r="A159" s="80" t="s">
        <v>390</v>
      </c>
      <c r="B159" s="80" t="s">
        <v>1193</v>
      </c>
      <c r="C159" s="174"/>
      <c r="D159" s="78"/>
      <c r="E159" s="245"/>
    </row>
    <row r="160" spans="1:5">
      <c r="A160" s="254" t="s">
        <v>799</v>
      </c>
      <c r="B160" s="11" t="s">
        <v>395</v>
      </c>
      <c r="C160" s="174"/>
      <c r="D160" s="78"/>
      <c r="E160" s="245"/>
    </row>
    <row r="161" spans="1:6" s="68" customFormat="1" ht="19.2">
      <c r="A161" s="254"/>
      <c r="B161" s="70" t="s">
        <v>391</v>
      </c>
      <c r="C161" s="174"/>
      <c r="D161" s="78"/>
      <c r="E161" s="245"/>
      <c r="F161" s="49"/>
    </row>
    <row r="162" spans="1:6" s="68" customFormat="1">
      <c r="A162" s="254"/>
      <c r="B162" s="70" t="s">
        <v>482</v>
      </c>
      <c r="C162" s="174"/>
      <c r="D162" s="78"/>
      <c r="E162" s="245"/>
      <c r="F162" s="49"/>
    </row>
    <row r="163" spans="1:6">
      <c r="A163" s="254"/>
      <c r="B163" s="70" t="s">
        <v>483</v>
      </c>
      <c r="C163" s="174"/>
      <c r="D163" s="78"/>
      <c r="E163" s="245"/>
    </row>
    <row r="164" spans="1:6" s="93" customFormat="1">
      <c r="A164" s="254"/>
      <c r="B164" s="70" t="s">
        <v>484</v>
      </c>
      <c r="C164" s="174"/>
      <c r="D164" s="78"/>
      <c r="E164" s="245"/>
      <c r="F164" s="49"/>
    </row>
    <row r="165" spans="1:6" s="93" customFormat="1">
      <c r="A165" s="80" t="s">
        <v>208</v>
      </c>
      <c r="B165" s="80" t="s">
        <v>565</v>
      </c>
      <c r="C165" s="172"/>
      <c r="D165" s="78"/>
      <c r="E165" s="245"/>
      <c r="F165" s="49"/>
    </row>
    <row r="166" spans="1:6" s="93" customFormat="1">
      <c r="A166" s="79"/>
      <c r="B166" s="80"/>
      <c r="C166" s="78"/>
      <c r="D166" s="78"/>
      <c r="E166" s="245"/>
      <c r="F166" s="49"/>
    </row>
    <row r="167" spans="1:6" s="93" customFormat="1">
      <c r="A167" s="79"/>
      <c r="B167" s="80"/>
      <c r="C167" s="78"/>
      <c r="D167" s="78"/>
      <c r="E167" s="245"/>
      <c r="F167" s="49"/>
    </row>
    <row r="168" spans="1:6" s="93" customFormat="1">
      <c r="A168" s="81"/>
      <c r="B168" s="82"/>
      <c r="C168" s="102"/>
      <c r="D168" s="102"/>
      <c r="E168" s="246"/>
      <c r="F168" s="49"/>
    </row>
    <row r="169" spans="1:6">
      <c r="A169" s="13"/>
      <c r="B169" s="14"/>
      <c r="C169" s="108"/>
      <c r="D169" s="108"/>
      <c r="E169" s="108" t="s">
        <v>555</v>
      </c>
    </row>
    <row r="170" spans="1:6">
      <c r="A170" s="13" t="s">
        <v>589</v>
      </c>
      <c r="B170" s="14"/>
      <c r="C170" s="108"/>
      <c r="D170" s="108"/>
      <c r="E170" s="108"/>
    </row>
    <row r="171" spans="1:6" ht="13.5" customHeight="1">
      <c r="A171" s="250" t="s">
        <v>541</v>
      </c>
      <c r="B171" s="250" t="s">
        <v>214</v>
      </c>
      <c r="C171" s="247" t="s">
        <v>212</v>
      </c>
      <c r="D171" s="248"/>
      <c r="E171" s="249"/>
    </row>
    <row r="172" spans="1:6">
      <c r="A172" s="251"/>
      <c r="B172" s="251"/>
      <c r="C172" s="99" t="s">
        <v>120</v>
      </c>
      <c r="D172" s="99" t="s">
        <v>121</v>
      </c>
      <c r="E172" s="99" t="s">
        <v>215</v>
      </c>
    </row>
    <row r="173" spans="1:6">
      <c r="A173" s="12" t="s">
        <v>9</v>
      </c>
      <c r="B173" s="12" t="s">
        <v>1074</v>
      </c>
      <c r="C173" s="171"/>
      <c r="D173" s="104"/>
      <c r="E173" s="244"/>
    </row>
    <row r="174" spans="1:6">
      <c r="A174" s="254" t="s">
        <v>129</v>
      </c>
      <c r="B174" s="11" t="s">
        <v>395</v>
      </c>
      <c r="C174" s="174"/>
      <c r="D174" s="78"/>
      <c r="E174" s="245"/>
    </row>
    <row r="175" spans="1:6" ht="19.2">
      <c r="A175" s="254"/>
      <c r="B175" s="70" t="s">
        <v>392</v>
      </c>
      <c r="C175" s="172"/>
      <c r="D175" s="78"/>
      <c r="E175" s="245"/>
    </row>
    <row r="176" spans="1:6" s="93" customFormat="1">
      <c r="A176" s="254"/>
      <c r="B176" s="70" t="s">
        <v>1194</v>
      </c>
      <c r="C176" s="174"/>
      <c r="D176" s="78"/>
      <c r="E176" s="245"/>
      <c r="F176" s="49"/>
    </row>
    <row r="177" spans="1:6" s="93" customFormat="1">
      <c r="A177" s="254"/>
      <c r="B177" s="70" t="s">
        <v>800</v>
      </c>
      <c r="C177" s="174"/>
      <c r="D177" s="78"/>
      <c r="E177" s="245"/>
      <c r="F177" s="49"/>
    </row>
    <row r="178" spans="1:6" s="93" customFormat="1">
      <c r="A178" s="11" t="s">
        <v>192</v>
      </c>
      <c r="B178" s="11" t="s">
        <v>396</v>
      </c>
      <c r="C178" s="174"/>
      <c r="D178" s="78"/>
      <c r="E178" s="245"/>
      <c r="F178" s="49"/>
    </row>
    <row r="179" spans="1:6">
      <c r="A179" s="277" t="s">
        <v>208</v>
      </c>
      <c r="B179" s="80" t="s">
        <v>1195</v>
      </c>
      <c r="C179" s="172"/>
      <c r="D179" s="78"/>
      <c r="E179" s="245"/>
    </row>
    <row r="180" spans="1:6">
      <c r="A180" s="277"/>
      <c r="B180" s="80" t="s">
        <v>11</v>
      </c>
      <c r="C180" s="172"/>
      <c r="D180" s="78"/>
      <c r="E180" s="245"/>
    </row>
    <row r="181" spans="1:6">
      <c r="A181" s="80"/>
      <c r="B181" s="80"/>
      <c r="C181" s="78"/>
      <c r="D181" s="78"/>
      <c r="E181" s="245"/>
    </row>
    <row r="182" spans="1:6" s="68" customFormat="1">
      <c r="A182" s="79"/>
      <c r="B182" s="80"/>
      <c r="C182" s="78"/>
      <c r="D182" s="78"/>
      <c r="E182" s="245"/>
      <c r="F182" s="49"/>
    </row>
    <row r="183" spans="1:6" s="96" customFormat="1">
      <c r="A183" s="177"/>
      <c r="B183" s="178"/>
      <c r="C183" s="102"/>
      <c r="D183" s="102"/>
      <c r="E183" s="246"/>
      <c r="F183" s="49"/>
    </row>
    <row r="184" spans="1:6">
      <c r="A184" s="13"/>
      <c r="B184" s="14"/>
      <c r="C184" s="108"/>
      <c r="D184" s="108"/>
      <c r="E184" s="108"/>
    </row>
    <row r="185" spans="1:6" ht="13.5" customHeight="1">
      <c r="A185" s="243" t="s">
        <v>1196</v>
      </c>
      <c r="B185" s="243"/>
      <c r="C185" s="108"/>
      <c r="D185" s="108"/>
      <c r="E185" s="108"/>
    </row>
    <row r="186" spans="1:6">
      <c r="A186" s="250" t="s">
        <v>541</v>
      </c>
      <c r="B186" s="250" t="s">
        <v>214</v>
      </c>
      <c r="C186" s="247" t="s">
        <v>212</v>
      </c>
      <c r="D186" s="248"/>
      <c r="E186" s="249"/>
    </row>
    <row r="187" spans="1:6">
      <c r="A187" s="251"/>
      <c r="B187" s="251"/>
      <c r="C187" s="99" t="s">
        <v>120</v>
      </c>
      <c r="D187" s="99" t="s">
        <v>121</v>
      </c>
      <c r="E187" s="99" t="s">
        <v>215</v>
      </c>
    </row>
    <row r="188" spans="1:6">
      <c r="A188" s="12" t="s">
        <v>9</v>
      </c>
      <c r="B188" s="12" t="s">
        <v>1074</v>
      </c>
      <c r="C188" s="171"/>
      <c r="D188" s="104"/>
      <c r="E188" s="244"/>
    </row>
    <row r="189" spans="1:6">
      <c r="A189" s="11" t="s">
        <v>801</v>
      </c>
      <c r="B189" s="11" t="s">
        <v>802</v>
      </c>
      <c r="C189" s="174"/>
      <c r="D189" s="78"/>
      <c r="E189" s="245"/>
    </row>
    <row r="190" spans="1:6">
      <c r="A190" s="254" t="s">
        <v>80</v>
      </c>
      <c r="B190" s="11" t="s">
        <v>83</v>
      </c>
      <c r="C190" s="172"/>
      <c r="D190" s="78"/>
      <c r="E190" s="245"/>
    </row>
    <row r="191" spans="1:6">
      <c r="A191" s="254"/>
      <c r="B191" s="11" t="s">
        <v>48</v>
      </c>
      <c r="C191" s="78"/>
      <c r="D191" s="173"/>
      <c r="E191" s="245"/>
    </row>
    <row r="192" spans="1:6">
      <c r="A192" s="80"/>
      <c r="B192" s="80"/>
      <c r="C192" s="78"/>
      <c r="D192" s="78"/>
      <c r="E192" s="245"/>
    </row>
    <row r="193" spans="1:6">
      <c r="A193" s="79"/>
      <c r="B193" s="80"/>
      <c r="C193" s="78"/>
      <c r="D193" s="78"/>
      <c r="E193" s="245"/>
    </row>
    <row r="194" spans="1:6">
      <c r="A194" s="177"/>
      <c r="B194" s="178"/>
      <c r="C194" s="102"/>
      <c r="D194" s="102"/>
      <c r="E194" s="246"/>
    </row>
    <row r="195" spans="1:6">
      <c r="A195" s="13"/>
      <c r="B195" s="14"/>
      <c r="C195" s="108"/>
      <c r="D195" s="108"/>
      <c r="E195" s="108"/>
    </row>
    <row r="196" spans="1:6">
      <c r="A196" s="13"/>
      <c r="B196" s="14"/>
      <c r="C196" s="108"/>
      <c r="D196" s="108"/>
      <c r="E196" s="108"/>
    </row>
    <row r="197" spans="1:6">
      <c r="A197" s="13"/>
      <c r="B197" s="14"/>
      <c r="C197" s="108"/>
      <c r="D197" s="108"/>
      <c r="E197" s="108"/>
    </row>
    <row r="198" spans="1:6" s="68" customFormat="1">
      <c r="A198" s="94" t="s">
        <v>1197</v>
      </c>
      <c r="B198" s="95"/>
      <c r="C198" s="146"/>
      <c r="D198" s="146"/>
      <c r="E198" s="146"/>
      <c r="F198" s="49"/>
    </row>
    <row r="199" spans="1:6" ht="13.5" customHeight="1">
      <c r="A199" s="250" t="s">
        <v>541</v>
      </c>
      <c r="B199" s="250" t="s">
        <v>214</v>
      </c>
      <c r="C199" s="247" t="s">
        <v>212</v>
      </c>
      <c r="D199" s="248"/>
      <c r="E199" s="249"/>
    </row>
    <row r="200" spans="1:6">
      <c r="A200" s="251"/>
      <c r="B200" s="251"/>
      <c r="C200" s="99" t="s">
        <v>120</v>
      </c>
      <c r="D200" s="99" t="s">
        <v>121</v>
      </c>
      <c r="E200" s="99" t="s">
        <v>215</v>
      </c>
    </row>
    <row r="201" spans="1:6">
      <c r="A201" s="12" t="s">
        <v>9</v>
      </c>
      <c r="B201" s="12" t="s">
        <v>1074</v>
      </c>
      <c r="C201" s="171"/>
      <c r="D201" s="104"/>
      <c r="E201" s="244"/>
    </row>
    <row r="202" spans="1:6">
      <c r="A202" s="259" t="s">
        <v>129</v>
      </c>
      <c r="B202" s="11" t="s">
        <v>395</v>
      </c>
      <c r="C202" s="174"/>
      <c r="D202" s="179"/>
      <c r="E202" s="245"/>
    </row>
    <row r="203" spans="1:6" ht="19.2">
      <c r="A203" s="260"/>
      <c r="B203" s="70" t="s">
        <v>392</v>
      </c>
      <c r="C203" s="172"/>
      <c r="D203" s="78"/>
      <c r="E203" s="245"/>
    </row>
    <row r="204" spans="1:6" s="93" customFormat="1">
      <c r="A204" s="261"/>
      <c r="B204" s="70" t="s">
        <v>1194</v>
      </c>
      <c r="C204" s="174"/>
      <c r="D204" s="78"/>
      <c r="E204" s="245"/>
      <c r="F204" s="49"/>
    </row>
    <row r="205" spans="1:6" s="93" customFormat="1">
      <c r="A205" s="11" t="s">
        <v>503</v>
      </c>
      <c r="B205" s="11" t="s">
        <v>1198</v>
      </c>
      <c r="C205" s="174"/>
      <c r="D205" s="78"/>
      <c r="E205" s="245"/>
      <c r="F205" s="49"/>
    </row>
    <row r="206" spans="1:6">
      <c r="A206" s="80" t="s">
        <v>504</v>
      </c>
      <c r="B206" s="80" t="s">
        <v>1193</v>
      </c>
      <c r="C206" s="172"/>
      <c r="D206" s="78"/>
      <c r="E206" s="245"/>
    </row>
    <row r="207" spans="1:6">
      <c r="A207" s="11"/>
      <c r="B207" s="11"/>
      <c r="C207" s="78"/>
      <c r="D207" s="78"/>
      <c r="E207" s="245"/>
    </row>
    <row r="208" spans="1:6">
      <c r="A208" s="11"/>
      <c r="B208" s="11"/>
      <c r="C208" s="78"/>
      <c r="D208" s="78"/>
      <c r="E208" s="245"/>
    </row>
    <row r="209" spans="1:6">
      <c r="A209" s="15"/>
      <c r="B209" s="15"/>
      <c r="C209" s="102"/>
      <c r="D209" s="102"/>
      <c r="E209" s="246"/>
    </row>
    <row r="210" spans="1:6" s="68" customFormat="1">
      <c r="A210" s="94"/>
      <c r="B210" s="180"/>
      <c r="C210" s="146"/>
      <c r="D210" s="146"/>
      <c r="E210" s="146"/>
      <c r="F210" s="49"/>
    </row>
    <row r="211" spans="1:6">
      <c r="A211" s="13" t="s">
        <v>1199</v>
      </c>
      <c r="B211" s="14"/>
      <c r="C211" s="108"/>
      <c r="D211" s="108"/>
      <c r="E211" s="108"/>
    </row>
    <row r="212" spans="1:6" ht="13.5" customHeight="1">
      <c r="A212" s="250" t="s">
        <v>541</v>
      </c>
      <c r="B212" s="250" t="s">
        <v>214</v>
      </c>
      <c r="C212" s="247" t="s">
        <v>212</v>
      </c>
      <c r="D212" s="248"/>
      <c r="E212" s="249"/>
    </row>
    <row r="213" spans="1:6">
      <c r="A213" s="251"/>
      <c r="B213" s="251"/>
      <c r="C213" s="99" t="s">
        <v>120</v>
      </c>
      <c r="D213" s="99" t="s">
        <v>121</v>
      </c>
      <c r="E213" s="99" t="s">
        <v>215</v>
      </c>
    </row>
    <row r="214" spans="1:6">
      <c r="A214" s="12" t="s">
        <v>506</v>
      </c>
      <c r="B214" s="12" t="s">
        <v>1200</v>
      </c>
      <c r="C214" s="171"/>
      <c r="D214" s="104"/>
      <c r="E214" s="244"/>
    </row>
    <row r="215" spans="1:6">
      <c r="A215" s="259" t="s">
        <v>75</v>
      </c>
      <c r="B215" s="11" t="s">
        <v>1201</v>
      </c>
      <c r="C215" s="172"/>
      <c r="D215" s="78"/>
      <c r="E215" s="245"/>
    </row>
    <row r="216" spans="1:6">
      <c r="A216" s="261"/>
      <c r="B216" s="11" t="s">
        <v>78</v>
      </c>
      <c r="C216" s="172"/>
      <c r="D216" s="78"/>
      <c r="E216" s="245"/>
    </row>
    <row r="217" spans="1:6">
      <c r="A217" s="259" t="s">
        <v>193</v>
      </c>
      <c r="B217" s="11" t="s">
        <v>76</v>
      </c>
      <c r="C217" s="172"/>
      <c r="D217" s="78"/>
      <c r="E217" s="245"/>
    </row>
    <row r="218" spans="1:6">
      <c r="A218" s="261"/>
      <c r="B218" s="11" t="s">
        <v>485</v>
      </c>
      <c r="C218" s="172"/>
      <c r="D218" s="78"/>
      <c r="E218" s="245"/>
    </row>
    <row r="219" spans="1:6">
      <c r="A219" s="259" t="s">
        <v>194</v>
      </c>
      <c r="B219" s="11" t="s">
        <v>77</v>
      </c>
      <c r="C219" s="172"/>
      <c r="D219" s="78"/>
      <c r="E219" s="245"/>
    </row>
    <row r="220" spans="1:6">
      <c r="A220" s="261"/>
      <c r="B220" s="11" t="s">
        <v>546</v>
      </c>
      <c r="C220" s="172"/>
      <c r="D220" s="78"/>
      <c r="E220" s="245"/>
    </row>
    <row r="221" spans="1:6">
      <c r="A221" s="11" t="s">
        <v>505</v>
      </c>
      <c r="B221" s="11" t="s">
        <v>1202</v>
      </c>
      <c r="C221" s="172"/>
      <c r="D221" s="78"/>
      <c r="E221" s="245"/>
    </row>
    <row r="222" spans="1:6">
      <c r="A222" s="80" t="s">
        <v>210</v>
      </c>
      <c r="B222" s="80" t="s">
        <v>1203</v>
      </c>
      <c r="C222" s="172"/>
      <c r="D222" s="78"/>
      <c r="E222" s="245"/>
    </row>
    <row r="223" spans="1:6">
      <c r="A223" s="11"/>
      <c r="B223" s="11"/>
      <c r="C223" s="78"/>
      <c r="D223" s="78"/>
      <c r="E223" s="245"/>
    </row>
    <row r="224" spans="1:6">
      <c r="A224" s="11"/>
      <c r="B224" s="11"/>
      <c r="C224" s="78"/>
      <c r="D224" s="78"/>
      <c r="E224" s="245"/>
    </row>
    <row r="225" spans="1:6">
      <c r="A225" s="15"/>
      <c r="B225" s="15"/>
      <c r="C225" s="102"/>
      <c r="D225" s="102"/>
      <c r="E225" s="246"/>
    </row>
    <row r="226" spans="1:6">
      <c r="A226" s="13"/>
      <c r="B226" s="14"/>
      <c r="C226" s="108"/>
      <c r="D226" s="108"/>
      <c r="E226" s="108" t="s">
        <v>555</v>
      </c>
    </row>
    <row r="227" spans="1:6">
      <c r="A227" s="13" t="s">
        <v>1204</v>
      </c>
      <c r="B227" s="14"/>
      <c r="C227" s="108"/>
      <c r="D227" s="108"/>
      <c r="E227" s="108"/>
    </row>
    <row r="228" spans="1:6" ht="13.5" customHeight="1">
      <c r="A228" s="250" t="s">
        <v>541</v>
      </c>
      <c r="B228" s="250" t="s">
        <v>214</v>
      </c>
      <c r="C228" s="247" t="s">
        <v>212</v>
      </c>
      <c r="D228" s="248"/>
      <c r="E228" s="249"/>
    </row>
    <row r="229" spans="1:6">
      <c r="A229" s="251"/>
      <c r="B229" s="251"/>
      <c r="C229" s="99" t="s">
        <v>120</v>
      </c>
      <c r="D229" s="99" t="s">
        <v>121</v>
      </c>
      <c r="E229" s="99" t="s">
        <v>215</v>
      </c>
    </row>
    <row r="230" spans="1:6">
      <c r="A230" s="262" t="s">
        <v>9</v>
      </c>
      <c r="B230" s="12" t="s">
        <v>1074</v>
      </c>
      <c r="C230" s="171"/>
      <c r="D230" s="104"/>
      <c r="E230" s="244"/>
    </row>
    <row r="231" spans="1:6">
      <c r="A231" s="261"/>
      <c r="B231" s="11" t="s">
        <v>398</v>
      </c>
      <c r="C231" s="172"/>
      <c r="D231" s="78"/>
      <c r="E231" s="245"/>
    </row>
    <row r="232" spans="1:6">
      <c r="A232" s="11" t="s">
        <v>195</v>
      </c>
      <c r="B232" s="11" t="s">
        <v>1205</v>
      </c>
      <c r="C232" s="172"/>
      <c r="D232" s="78"/>
      <c r="E232" s="245"/>
    </row>
    <row r="233" spans="1:6" ht="30" customHeight="1">
      <c r="A233" s="11" t="s">
        <v>79</v>
      </c>
      <c r="B233" s="11" t="s">
        <v>1206</v>
      </c>
      <c r="C233" s="172"/>
      <c r="D233" s="78"/>
      <c r="E233" s="245"/>
    </row>
    <row r="234" spans="1:6">
      <c r="A234" s="259" t="s">
        <v>80</v>
      </c>
      <c r="B234" s="11" t="s">
        <v>83</v>
      </c>
      <c r="C234" s="172"/>
      <c r="D234" s="78"/>
      <c r="E234" s="245"/>
    </row>
    <row r="235" spans="1:6">
      <c r="A235" s="261"/>
      <c r="B235" s="11" t="s">
        <v>48</v>
      </c>
      <c r="C235" s="78"/>
      <c r="D235" s="172"/>
      <c r="E235" s="245"/>
    </row>
    <row r="236" spans="1:6">
      <c r="A236" s="120" t="s">
        <v>803</v>
      </c>
      <c r="B236" s="120" t="s">
        <v>1207</v>
      </c>
      <c r="C236" s="172"/>
      <c r="D236" s="78"/>
      <c r="E236" s="245"/>
    </row>
    <row r="237" spans="1:6">
      <c r="A237" s="120" t="s">
        <v>804</v>
      </c>
      <c r="B237" s="120" t="s">
        <v>1207</v>
      </c>
      <c r="C237" s="172"/>
      <c r="D237" s="78"/>
      <c r="E237" s="245"/>
    </row>
    <row r="238" spans="1:6" ht="30" customHeight="1">
      <c r="A238" s="120" t="s">
        <v>512</v>
      </c>
      <c r="B238" s="120" t="s">
        <v>1208</v>
      </c>
      <c r="C238" s="172"/>
      <c r="D238" s="78"/>
      <c r="E238" s="245"/>
    </row>
    <row r="239" spans="1:6">
      <c r="A239" s="11" t="s">
        <v>81</v>
      </c>
      <c r="B239" s="11" t="s">
        <v>84</v>
      </c>
      <c r="C239" s="172"/>
      <c r="D239" s="78"/>
      <c r="E239" s="245"/>
    </row>
    <row r="240" spans="1:6" s="121" customFormat="1">
      <c r="A240" s="133"/>
      <c r="B240" s="120"/>
      <c r="C240" s="78"/>
      <c r="D240" s="78"/>
      <c r="E240" s="245"/>
      <c r="F240" s="49"/>
    </row>
    <row r="241" spans="1:6">
      <c r="A241" s="34"/>
      <c r="B241" s="34"/>
      <c r="C241" s="78"/>
      <c r="D241" s="78"/>
      <c r="E241" s="245"/>
    </row>
    <row r="242" spans="1:6" s="121" customFormat="1">
      <c r="A242" s="134"/>
      <c r="B242" s="135"/>
      <c r="C242" s="102"/>
      <c r="D242" s="102"/>
      <c r="E242" s="246"/>
      <c r="F242" s="49"/>
    </row>
    <row r="243" spans="1:6">
      <c r="A243" s="13"/>
      <c r="B243" s="14"/>
      <c r="C243" s="108"/>
      <c r="D243" s="108"/>
      <c r="E243" s="108"/>
    </row>
    <row r="244" spans="1:6">
      <c r="A244" s="14" t="s">
        <v>1209</v>
      </c>
      <c r="B244" s="14"/>
      <c r="C244" s="108"/>
      <c r="D244" s="108"/>
      <c r="E244" s="108"/>
    </row>
    <row r="245" spans="1:6">
      <c r="A245" s="13" t="s">
        <v>249</v>
      </c>
      <c r="B245" s="14"/>
      <c r="C245" s="108"/>
      <c r="D245" s="108"/>
      <c r="E245" s="108"/>
    </row>
    <row r="246" spans="1:6" ht="13.5" customHeight="1">
      <c r="A246" s="250" t="s">
        <v>541</v>
      </c>
      <c r="B246" s="250" t="s">
        <v>214</v>
      </c>
      <c r="C246" s="247" t="s">
        <v>212</v>
      </c>
      <c r="D246" s="248"/>
      <c r="E246" s="249"/>
    </row>
    <row r="247" spans="1:6">
      <c r="A247" s="251"/>
      <c r="B247" s="251"/>
      <c r="C247" s="99" t="s">
        <v>120</v>
      </c>
      <c r="D247" s="99" t="s">
        <v>121</v>
      </c>
      <c r="E247" s="99" t="s">
        <v>215</v>
      </c>
    </row>
    <row r="248" spans="1:6">
      <c r="A248" s="12" t="s">
        <v>197</v>
      </c>
      <c r="B248" s="12" t="s">
        <v>1210</v>
      </c>
      <c r="C248" s="171"/>
      <c r="D248" s="104"/>
      <c r="E248" s="244"/>
    </row>
    <row r="249" spans="1:6">
      <c r="A249" s="259" t="s">
        <v>80</v>
      </c>
      <c r="B249" s="11" t="s">
        <v>83</v>
      </c>
      <c r="C249" s="172"/>
      <c r="D249" s="78"/>
      <c r="E249" s="245"/>
    </row>
    <row r="250" spans="1:6">
      <c r="A250" s="261"/>
      <c r="B250" s="11" t="s">
        <v>48</v>
      </c>
      <c r="C250" s="78"/>
      <c r="D250" s="172"/>
      <c r="E250" s="245"/>
    </row>
    <row r="251" spans="1:6">
      <c r="A251" s="11" t="s">
        <v>81</v>
      </c>
      <c r="B251" s="11" t="s">
        <v>84</v>
      </c>
      <c r="C251" s="172"/>
      <c r="D251" s="78"/>
      <c r="E251" s="245"/>
    </row>
    <row r="252" spans="1:6">
      <c r="A252" s="11"/>
      <c r="B252" s="11"/>
      <c r="C252" s="78"/>
      <c r="D252" s="78"/>
      <c r="E252" s="245"/>
    </row>
    <row r="253" spans="1:6">
      <c r="A253" s="11"/>
      <c r="B253" s="11"/>
      <c r="C253" s="78"/>
      <c r="D253" s="78"/>
      <c r="E253" s="245"/>
    </row>
    <row r="254" spans="1:6">
      <c r="A254" s="15"/>
      <c r="B254" s="15"/>
      <c r="C254" s="102"/>
      <c r="D254" s="102"/>
      <c r="E254" s="246"/>
    </row>
    <row r="255" spans="1:6">
      <c r="A255" s="18"/>
      <c r="B255" s="18"/>
      <c r="C255" s="181"/>
      <c r="D255" s="103"/>
      <c r="E255" s="181"/>
    </row>
    <row r="256" spans="1:6">
      <c r="A256" s="13" t="s">
        <v>82</v>
      </c>
      <c r="B256" s="14"/>
      <c r="C256" s="108"/>
      <c r="D256" s="108"/>
      <c r="E256" s="108"/>
    </row>
    <row r="257" spans="1:5" ht="13.5" customHeight="1">
      <c r="A257" s="250" t="s">
        <v>541</v>
      </c>
      <c r="B257" s="250" t="s">
        <v>214</v>
      </c>
      <c r="C257" s="247" t="s">
        <v>212</v>
      </c>
      <c r="D257" s="248"/>
      <c r="E257" s="249"/>
    </row>
    <row r="258" spans="1:5">
      <c r="A258" s="251"/>
      <c r="B258" s="251"/>
      <c r="C258" s="99" t="s">
        <v>120</v>
      </c>
      <c r="D258" s="99" t="s">
        <v>121</v>
      </c>
      <c r="E258" s="99" t="s">
        <v>215</v>
      </c>
    </row>
    <row r="259" spans="1:5">
      <c r="A259" s="12" t="s">
        <v>198</v>
      </c>
      <c r="B259" s="12" t="s">
        <v>1211</v>
      </c>
      <c r="C259" s="171"/>
      <c r="D259" s="104"/>
      <c r="E259" s="244"/>
    </row>
    <row r="260" spans="1:5">
      <c r="A260" s="259" t="s">
        <v>80</v>
      </c>
      <c r="B260" s="11" t="s">
        <v>83</v>
      </c>
      <c r="C260" s="172"/>
      <c r="D260" s="78"/>
      <c r="E260" s="245"/>
    </row>
    <row r="261" spans="1:5">
      <c r="A261" s="261"/>
      <c r="B261" s="11" t="s">
        <v>48</v>
      </c>
      <c r="C261" s="78"/>
      <c r="D261" s="172"/>
      <c r="E261" s="245"/>
    </row>
    <row r="262" spans="1:5">
      <c r="A262" s="11" t="s">
        <v>81</v>
      </c>
      <c r="B262" s="11" t="s">
        <v>84</v>
      </c>
      <c r="C262" s="172"/>
      <c r="D262" s="78"/>
      <c r="E262" s="245"/>
    </row>
    <row r="263" spans="1:5">
      <c r="A263" s="11"/>
      <c r="B263" s="11"/>
      <c r="C263" s="78"/>
      <c r="D263" s="78"/>
      <c r="E263" s="245"/>
    </row>
    <row r="264" spans="1:5">
      <c r="A264" s="15"/>
      <c r="B264" s="15"/>
      <c r="C264" s="102"/>
      <c r="D264" s="102"/>
      <c r="E264" s="246"/>
    </row>
    <row r="265" spans="1:5">
      <c r="A265" s="19"/>
      <c r="B265" s="19"/>
      <c r="C265" s="103"/>
      <c r="D265" s="103"/>
      <c r="E265" s="103"/>
    </row>
    <row r="266" spans="1:5">
      <c r="A266" s="13" t="s">
        <v>805</v>
      </c>
      <c r="B266" s="14"/>
      <c r="C266" s="108"/>
      <c r="D266" s="108"/>
      <c r="E266" s="108"/>
    </row>
    <row r="267" spans="1:5">
      <c r="A267" s="250" t="s">
        <v>541</v>
      </c>
      <c r="B267" s="250" t="s">
        <v>214</v>
      </c>
      <c r="C267" s="247" t="s">
        <v>212</v>
      </c>
      <c r="D267" s="248"/>
      <c r="E267" s="249"/>
    </row>
    <row r="268" spans="1:5">
      <c r="A268" s="251"/>
      <c r="B268" s="251"/>
      <c r="C268" s="99" t="s">
        <v>120</v>
      </c>
      <c r="D268" s="99" t="s">
        <v>121</v>
      </c>
      <c r="E268" s="99" t="s">
        <v>215</v>
      </c>
    </row>
    <row r="269" spans="1:5">
      <c r="A269" s="12" t="s">
        <v>806</v>
      </c>
      <c r="B269" s="12" t="s">
        <v>807</v>
      </c>
      <c r="C269" s="171"/>
      <c r="D269" s="104"/>
      <c r="E269" s="244"/>
    </row>
    <row r="270" spans="1:5">
      <c r="A270" s="259" t="s">
        <v>80</v>
      </c>
      <c r="B270" s="11" t="s">
        <v>83</v>
      </c>
      <c r="C270" s="172"/>
      <c r="D270" s="78"/>
      <c r="E270" s="245"/>
    </row>
    <row r="271" spans="1:5">
      <c r="A271" s="261"/>
      <c r="B271" s="11" t="s">
        <v>48</v>
      </c>
      <c r="C271" s="78"/>
      <c r="D271" s="172"/>
      <c r="E271" s="245"/>
    </row>
    <row r="272" spans="1:5">
      <c r="A272" s="11" t="s">
        <v>81</v>
      </c>
      <c r="B272" s="11" t="s">
        <v>84</v>
      </c>
      <c r="C272" s="172"/>
      <c r="D272" s="78"/>
      <c r="E272" s="245"/>
    </row>
    <row r="273" spans="1:5">
      <c r="A273" s="11"/>
      <c r="B273" s="11"/>
      <c r="C273" s="78"/>
      <c r="D273" s="78"/>
      <c r="E273" s="245"/>
    </row>
    <row r="274" spans="1:5">
      <c r="A274" s="15"/>
      <c r="B274" s="15"/>
      <c r="C274" s="102"/>
      <c r="D274" s="102"/>
      <c r="E274" s="246"/>
    </row>
    <row r="275" spans="1:5">
      <c r="A275" s="19"/>
      <c r="B275" s="19"/>
      <c r="C275" s="103"/>
      <c r="D275" s="103"/>
      <c r="E275" s="103"/>
    </row>
    <row r="276" spans="1:5">
      <c r="A276" s="13" t="s">
        <v>1212</v>
      </c>
      <c r="B276" s="14"/>
      <c r="C276" s="108"/>
      <c r="D276" s="108"/>
      <c r="E276" s="108"/>
    </row>
    <row r="277" spans="1:5">
      <c r="A277" s="13" t="s">
        <v>808</v>
      </c>
      <c r="B277" s="14"/>
      <c r="C277" s="108"/>
      <c r="D277" s="108"/>
      <c r="E277" s="108"/>
    </row>
    <row r="278" spans="1:5" ht="13.5" customHeight="1">
      <c r="A278" s="250" t="s">
        <v>541</v>
      </c>
      <c r="B278" s="250" t="s">
        <v>214</v>
      </c>
      <c r="C278" s="247" t="s">
        <v>212</v>
      </c>
      <c r="D278" s="248"/>
      <c r="E278" s="249"/>
    </row>
    <row r="279" spans="1:5">
      <c r="A279" s="251"/>
      <c r="B279" s="251"/>
      <c r="C279" s="99" t="s">
        <v>120</v>
      </c>
      <c r="D279" s="99" t="s">
        <v>121</v>
      </c>
      <c r="E279" s="99" t="s">
        <v>215</v>
      </c>
    </row>
    <row r="280" spans="1:5">
      <c r="A280" s="12" t="s">
        <v>196</v>
      </c>
      <c r="B280" s="12" t="s">
        <v>1213</v>
      </c>
      <c r="C280" s="171"/>
      <c r="D280" s="104"/>
      <c r="E280" s="244"/>
    </row>
    <row r="281" spans="1:5">
      <c r="A281" s="11" t="s">
        <v>141</v>
      </c>
      <c r="B281" s="11" t="s">
        <v>1214</v>
      </c>
      <c r="C281" s="172"/>
      <c r="D281" s="78"/>
      <c r="E281" s="245"/>
    </row>
    <row r="282" spans="1:5">
      <c r="A282" s="11" t="s">
        <v>517</v>
      </c>
      <c r="B282" s="11" t="s">
        <v>1215</v>
      </c>
      <c r="C282" s="172"/>
      <c r="D282" s="78"/>
      <c r="E282" s="245"/>
    </row>
    <row r="283" spans="1:5">
      <c r="A283" s="11" t="s">
        <v>52</v>
      </c>
      <c r="B283" s="11" t="s">
        <v>1216</v>
      </c>
      <c r="C283" s="172"/>
      <c r="D283" s="78"/>
      <c r="E283" s="245"/>
    </row>
    <row r="284" spans="1:5">
      <c r="A284" s="11" t="s">
        <v>516</v>
      </c>
      <c r="B284" s="11" t="s">
        <v>1217</v>
      </c>
      <c r="C284" s="172"/>
      <c r="D284" s="78"/>
      <c r="E284" s="245"/>
    </row>
    <row r="285" spans="1:5">
      <c r="A285" s="11" t="s">
        <v>85</v>
      </c>
      <c r="B285" s="11" t="s">
        <v>809</v>
      </c>
      <c r="C285" s="172"/>
      <c r="D285" s="78"/>
      <c r="E285" s="245"/>
    </row>
    <row r="286" spans="1:5">
      <c r="A286" s="259" t="s">
        <v>80</v>
      </c>
      <c r="B286" s="11" t="s">
        <v>83</v>
      </c>
      <c r="C286" s="172"/>
      <c r="D286" s="78"/>
      <c r="E286" s="245"/>
    </row>
    <row r="287" spans="1:5">
      <c r="A287" s="261"/>
      <c r="B287" s="11" t="s">
        <v>48</v>
      </c>
      <c r="C287" s="78"/>
      <c r="D287" s="172"/>
      <c r="E287" s="245"/>
    </row>
    <row r="288" spans="1:5">
      <c r="A288" s="259" t="s">
        <v>574</v>
      </c>
      <c r="B288" s="11" t="s">
        <v>575</v>
      </c>
      <c r="C288" s="172"/>
      <c r="D288" s="78"/>
      <c r="E288" s="245"/>
    </row>
    <row r="289" spans="1:5">
      <c r="A289" s="261"/>
      <c r="B289" s="11" t="s">
        <v>48</v>
      </c>
      <c r="C289" s="78"/>
      <c r="D289" s="172"/>
      <c r="E289" s="245"/>
    </row>
    <row r="290" spans="1:5">
      <c r="A290" s="259" t="s">
        <v>439</v>
      </c>
      <c r="B290" s="11" t="s">
        <v>440</v>
      </c>
      <c r="C290" s="172"/>
      <c r="D290" s="78"/>
      <c r="E290" s="245"/>
    </row>
    <row r="291" spans="1:5">
      <c r="A291" s="261"/>
      <c r="B291" s="11" t="s">
        <v>48</v>
      </c>
      <c r="C291" s="78"/>
      <c r="D291" s="172"/>
      <c r="E291" s="245"/>
    </row>
    <row r="292" spans="1:5">
      <c r="A292" s="11" t="s">
        <v>81</v>
      </c>
      <c r="B292" s="11" t="s">
        <v>84</v>
      </c>
      <c r="C292" s="172"/>
      <c r="D292" s="78"/>
      <c r="E292" s="245"/>
    </row>
    <row r="293" spans="1:5">
      <c r="A293" s="11"/>
      <c r="B293" s="11"/>
      <c r="C293" s="172"/>
      <c r="D293" s="78"/>
      <c r="E293" s="245"/>
    </row>
    <row r="294" spans="1:5">
      <c r="A294" s="11"/>
      <c r="B294" s="11"/>
      <c r="C294" s="172"/>
      <c r="D294" s="78"/>
      <c r="E294" s="245"/>
    </row>
    <row r="295" spans="1:5">
      <c r="A295" s="15"/>
      <c r="B295" s="15"/>
      <c r="C295" s="182"/>
      <c r="D295" s="102"/>
      <c r="E295" s="246"/>
    </row>
    <row r="296" spans="1:5">
      <c r="A296" s="13"/>
      <c r="B296" s="14"/>
      <c r="C296" s="108"/>
      <c r="D296" s="108"/>
      <c r="E296" s="108"/>
    </row>
    <row r="297" spans="1:5">
      <c r="A297" s="13" t="s">
        <v>810</v>
      </c>
      <c r="B297" s="14"/>
      <c r="C297" s="108"/>
      <c r="D297" s="108"/>
      <c r="E297" s="108"/>
    </row>
    <row r="298" spans="1:5">
      <c r="A298" s="250" t="s">
        <v>541</v>
      </c>
      <c r="B298" s="250" t="s">
        <v>214</v>
      </c>
      <c r="C298" s="247" t="s">
        <v>212</v>
      </c>
      <c r="D298" s="248"/>
      <c r="E298" s="249"/>
    </row>
    <row r="299" spans="1:5">
      <c r="A299" s="251"/>
      <c r="B299" s="251"/>
      <c r="C299" s="99" t="s">
        <v>120</v>
      </c>
      <c r="D299" s="99" t="s">
        <v>121</v>
      </c>
      <c r="E299" s="99" t="s">
        <v>215</v>
      </c>
    </row>
    <row r="300" spans="1:5">
      <c r="A300" s="12" t="s">
        <v>811</v>
      </c>
      <c r="B300" s="12" t="s">
        <v>812</v>
      </c>
      <c r="C300" s="171"/>
      <c r="D300" s="104"/>
      <c r="E300" s="244"/>
    </row>
    <row r="301" spans="1:5">
      <c r="A301" s="259" t="s">
        <v>80</v>
      </c>
      <c r="B301" s="11" t="s">
        <v>83</v>
      </c>
      <c r="C301" s="172"/>
      <c r="D301" s="78"/>
      <c r="E301" s="245"/>
    </row>
    <row r="302" spans="1:5">
      <c r="A302" s="261"/>
      <c r="B302" s="11" t="s">
        <v>48</v>
      </c>
      <c r="C302" s="78"/>
      <c r="D302" s="172"/>
      <c r="E302" s="245"/>
    </row>
    <row r="303" spans="1:5">
      <c r="A303" s="11" t="s">
        <v>81</v>
      </c>
      <c r="B303" s="11" t="s">
        <v>84</v>
      </c>
      <c r="C303" s="172"/>
      <c r="D303" s="78"/>
      <c r="E303" s="245"/>
    </row>
    <row r="304" spans="1:5">
      <c r="A304" s="11"/>
      <c r="B304" s="11"/>
      <c r="C304" s="78"/>
      <c r="D304" s="78"/>
      <c r="E304" s="245"/>
    </row>
    <row r="305" spans="1:5">
      <c r="A305" s="15"/>
      <c r="B305" s="15"/>
      <c r="C305" s="102"/>
      <c r="D305" s="102"/>
      <c r="E305" s="246"/>
    </row>
    <row r="306" spans="1:5">
      <c r="A306" s="13"/>
      <c r="B306" s="14"/>
      <c r="C306" s="108"/>
      <c r="D306" s="108"/>
      <c r="E306" s="108"/>
    </row>
    <row r="307" spans="1:5">
      <c r="A307" s="13" t="s">
        <v>1218</v>
      </c>
      <c r="B307" s="14"/>
      <c r="C307" s="108"/>
      <c r="D307" s="108"/>
      <c r="E307" s="108"/>
    </row>
    <row r="308" spans="1:5" ht="13.5" customHeight="1">
      <c r="A308" s="250" t="s">
        <v>541</v>
      </c>
      <c r="B308" s="250" t="s">
        <v>214</v>
      </c>
      <c r="C308" s="247" t="s">
        <v>212</v>
      </c>
      <c r="D308" s="248"/>
      <c r="E308" s="249"/>
    </row>
    <row r="309" spans="1:5">
      <c r="A309" s="251"/>
      <c r="B309" s="251"/>
      <c r="C309" s="99" t="s">
        <v>120</v>
      </c>
      <c r="D309" s="99" t="s">
        <v>121</v>
      </c>
      <c r="E309" s="99" t="s">
        <v>215</v>
      </c>
    </row>
    <row r="310" spans="1:5">
      <c r="A310" s="12" t="s">
        <v>399</v>
      </c>
      <c r="B310" s="12" t="s">
        <v>1219</v>
      </c>
      <c r="C310" s="171"/>
      <c r="D310" s="104"/>
      <c r="E310" s="244"/>
    </row>
    <row r="311" spans="1:5">
      <c r="A311" s="11" t="s">
        <v>813</v>
      </c>
      <c r="B311" s="11" t="s">
        <v>1219</v>
      </c>
      <c r="C311" s="172"/>
      <c r="D311" s="78"/>
      <c r="E311" s="245"/>
    </row>
    <row r="312" spans="1:5">
      <c r="A312" s="77" t="s">
        <v>401</v>
      </c>
      <c r="B312" s="11" t="s">
        <v>421</v>
      </c>
      <c r="C312" s="172"/>
      <c r="D312" s="78"/>
      <c r="E312" s="245"/>
    </row>
    <row r="313" spans="1:5">
      <c r="A313" s="11" t="s">
        <v>402</v>
      </c>
      <c r="B313" s="11" t="s">
        <v>1220</v>
      </c>
      <c r="C313" s="172"/>
      <c r="D313" s="78"/>
      <c r="E313" s="245"/>
    </row>
    <row r="314" spans="1:5">
      <c r="A314" s="11" t="s">
        <v>240</v>
      </c>
      <c r="B314" s="11" t="s">
        <v>400</v>
      </c>
      <c r="C314" s="172"/>
      <c r="D314" s="78"/>
      <c r="E314" s="245"/>
    </row>
    <row r="315" spans="1:5">
      <c r="A315" s="11" t="s">
        <v>403</v>
      </c>
      <c r="B315" s="11" t="s">
        <v>404</v>
      </c>
      <c r="C315" s="172"/>
      <c r="D315" s="78"/>
      <c r="E315" s="245"/>
    </row>
    <row r="316" spans="1:5">
      <c r="A316" s="259" t="s">
        <v>80</v>
      </c>
      <c r="B316" s="11" t="s">
        <v>83</v>
      </c>
      <c r="C316" s="172"/>
      <c r="D316" s="78"/>
      <c r="E316" s="245"/>
    </row>
    <row r="317" spans="1:5">
      <c r="A317" s="261"/>
      <c r="B317" s="11" t="s">
        <v>48</v>
      </c>
      <c r="C317" s="78"/>
      <c r="D317" s="172"/>
      <c r="E317" s="245"/>
    </row>
    <row r="318" spans="1:5">
      <c r="A318" s="11" t="s">
        <v>81</v>
      </c>
      <c r="B318" s="11" t="s">
        <v>84</v>
      </c>
      <c r="C318" s="172"/>
      <c r="D318" s="78"/>
      <c r="E318" s="245"/>
    </row>
    <row r="319" spans="1:5">
      <c r="A319" s="11"/>
      <c r="B319" s="11"/>
      <c r="C319" s="78"/>
      <c r="D319" s="78"/>
      <c r="E319" s="245"/>
    </row>
    <row r="320" spans="1:5">
      <c r="A320" s="11"/>
      <c r="B320" s="11"/>
      <c r="C320" s="78"/>
      <c r="D320" s="78"/>
      <c r="E320" s="245"/>
    </row>
    <row r="321" spans="1:6">
      <c r="A321" s="15"/>
      <c r="B321" s="15"/>
      <c r="C321" s="102"/>
      <c r="D321" s="102"/>
      <c r="E321" s="246"/>
    </row>
    <row r="322" spans="1:6">
      <c r="A322" s="13"/>
      <c r="B322" s="14"/>
      <c r="C322" s="108"/>
      <c r="D322" s="108"/>
      <c r="E322" s="108" t="s">
        <v>555</v>
      </c>
    </row>
    <row r="323" spans="1:6">
      <c r="A323" s="118" t="s">
        <v>1221</v>
      </c>
      <c r="B323" s="118"/>
      <c r="C323" s="108"/>
      <c r="D323" s="108"/>
      <c r="E323" s="108"/>
    </row>
    <row r="324" spans="1:6" ht="13.5" customHeight="1">
      <c r="A324" s="250" t="s">
        <v>541</v>
      </c>
      <c r="B324" s="250" t="s">
        <v>214</v>
      </c>
      <c r="C324" s="247" t="s">
        <v>212</v>
      </c>
      <c r="D324" s="248"/>
      <c r="E324" s="249"/>
    </row>
    <row r="325" spans="1:6">
      <c r="A325" s="251"/>
      <c r="B325" s="251"/>
      <c r="C325" s="99" t="s">
        <v>120</v>
      </c>
      <c r="D325" s="99" t="s">
        <v>121</v>
      </c>
      <c r="E325" s="99" t="s">
        <v>215</v>
      </c>
    </row>
    <row r="326" spans="1:6">
      <c r="A326" s="12" t="s">
        <v>519</v>
      </c>
      <c r="B326" s="12" t="s">
        <v>1222</v>
      </c>
      <c r="C326" s="109"/>
      <c r="D326" s="104"/>
      <c r="E326" s="244"/>
    </row>
    <row r="327" spans="1:6">
      <c r="A327" s="11" t="s">
        <v>230</v>
      </c>
      <c r="B327" s="11" t="s">
        <v>1223</v>
      </c>
      <c r="C327" s="157"/>
      <c r="D327" s="78"/>
      <c r="E327" s="245"/>
    </row>
    <row r="328" spans="1:6">
      <c r="A328" s="11" t="s">
        <v>722</v>
      </c>
      <c r="B328" s="11" t="s">
        <v>1224</v>
      </c>
      <c r="C328" s="157"/>
      <c r="D328" s="78"/>
      <c r="E328" s="245"/>
    </row>
    <row r="329" spans="1:6">
      <c r="A329" s="11" t="s">
        <v>403</v>
      </c>
      <c r="B329" s="11" t="s">
        <v>404</v>
      </c>
      <c r="C329" s="157"/>
      <c r="D329" s="78"/>
      <c r="E329" s="245"/>
    </row>
    <row r="330" spans="1:6">
      <c r="A330" s="254" t="s">
        <v>80</v>
      </c>
      <c r="B330" s="11" t="s">
        <v>83</v>
      </c>
      <c r="C330" s="157"/>
      <c r="D330" s="78"/>
      <c r="E330" s="245"/>
    </row>
    <row r="331" spans="1:6">
      <c r="A331" s="254"/>
      <c r="B331" s="11" t="s">
        <v>48</v>
      </c>
      <c r="C331" s="78"/>
      <c r="D331" s="172"/>
      <c r="E331" s="245"/>
    </row>
    <row r="332" spans="1:6">
      <c r="A332" s="11" t="s">
        <v>81</v>
      </c>
      <c r="B332" s="11" t="s">
        <v>84</v>
      </c>
      <c r="C332" s="172"/>
      <c r="D332" s="78"/>
      <c r="E332" s="245"/>
    </row>
    <row r="333" spans="1:6">
      <c r="A333" s="11"/>
      <c r="B333" s="11"/>
      <c r="C333" s="78"/>
      <c r="D333" s="78"/>
      <c r="E333" s="245"/>
    </row>
    <row r="334" spans="1:6" s="121" customFormat="1">
      <c r="A334" s="11"/>
      <c r="B334" s="11"/>
      <c r="C334" s="78"/>
      <c r="D334" s="78"/>
      <c r="E334" s="245"/>
      <c r="F334" s="49"/>
    </row>
    <row r="335" spans="1:6">
      <c r="A335" s="15"/>
      <c r="B335" s="15"/>
      <c r="C335" s="102"/>
      <c r="D335" s="102"/>
      <c r="E335" s="246"/>
    </row>
    <row r="336" spans="1:6">
      <c r="A336" s="13"/>
      <c r="B336" s="14"/>
      <c r="C336" s="108"/>
      <c r="D336" s="108"/>
      <c r="E336" s="108"/>
    </row>
    <row r="337" spans="1:6">
      <c r="A337" s="13" t="s">
        <v>590</v>
      </c>
      <c r="B337" s="14"/>
      <c r="C337" s="108"/>
      <c r="D337" s="108"/>
      <c r="E337" s="108"/>
    </row>
    <row r="338" spans="1:6">
      <c r="A338" s="118" t="s">
        <v>591</v>
      </c>
      <c r="B338" s="118"/>
      <c r="C338" s="108"/>
      <c r="D338" s="108"/>
      <c r="E338" s="108"/>
    </row>
    <row r="339" spans="1:6" ht="13.5" customHeight="1">
      <c r="A339" s="250" t="s">
        <v>541</v>
      </c>
      <c r="B339" s="250" t="s">
        <v>214</v>
      </c>
      <c r="C339" s="247" t="s">
        <v>212</v>
      </c>
      <c r="D339" s="248"/>
      <c r="E339" s="249"/>
    </row>
    <row r="340" spans="1:6">
      <c r="A340" s="251"/>
      <c r="B340" s="251"/>
      <c r="C340" s="99" t="s">
        <v>120</v>
      </c>
      <c r="D340" s="99" t="s">
        <v>121</v>
      </c>
      <c r="E340" s="99" t="s">
        <v>215</v>
      </c>
    </row>
    <row r="341" spans="1:6">
      <c r="A341" s="264" t="s">
        <v>9</v>
      </c>
      <c r="B341" s="12" t="s">
        <v>1074</v>
      </c>
      <c r="C341" s="171"/>
      <c r="D341" s="104"/>
      <c r="E341" s="244"/>
    </row>
    <row r="342" spans="1:6" s="93" customFormat="1" ht="30" customHeight="1">
      <c r="A342" s="254"/>
      <c r="B342" s="70" t="s">
        <v>326</v>
      </c>
      <c r="C342" s="174"/>
      <c r="D342" s="78"/>
      <c r="E342" s="245"/>
      <c r="F342" s="49"/>
    </row>
    <row r="343" spans="1:6">
      <c r="A343" s="254" t="s">
        <v>200</v>
      </c>
      <c r="B343" s="11" t="s">
        <v>1225</v>
      </c>
      <c r="C343" s="172"/>
      <c r="D343" s="78"/>
      <c r="E343" s="245"/>
    </row>
    <row r="344" spans="1:6">
      <c r="A344" s="254"/>
      <c r="B344" s="11" t="s">
        <v>1226</v>
      </c>
      <c r="C344" s="172"/>
      <c r="D344" s="78"/>
      <c r="E344" s="245"/>
    </row>
    <row r="345" spans="1:6">
      <c r="A345" s="277" t="s">
        <v>814</v>
      </c>
      <c r="B345" s="130" t="s">
        <v>1227</v>
      </c>
      <c r="C345" s="172"/>
      <c r="D345" s="78"/>
      <c r="E345" s="245"/>
    </row>
    <row r="346" spans="1:6">
      <c r="A346" s="277"/>
      <c r="B346" s="130" t="s">
        <v>1228</v>
      </c>
      <c r="C346" s="172"/>
      <c r="D346" s="78"/>
      <c r="E346" s="245"/>
    </row>
    <row r="347" spans="1:6" s="68" customFormat="1" ht="30" customHeight="1">
      <c r="A347" s="120" t="s">
        <v>576</v>
      </c>
      <c r="B347" s="120" t="s">
        <v>1229</v>
      </c>
      <c r="C347" s="173"/>
      <c r="D347" s="78"/>
      <c r="E347" s="245"/>
      <c r="F347" s="49"/>
    </row>
    <row r="348" spans="1:6" s="68" customFormat="1" ht="30" customHeight="1">
      <c r="A348" s="183" t="s">
        <v>327</v>
      </c>
      <c r="B348" s="70" t="s">
        <v>815</v>
      </c>
      <c r="C348" s="173"/>
      <c r="D348" s="78"/>
      <c r="E348" s="245"/>
      <c r="F348" s="49"/>
    </row>
    <row r="349" spans="1:6" s="68" customFormat="1">
      <c r="A349" s="79"/>
      <c r="B349" s="130"/>
      <c r="C349" s="78"/>
      <c r="D349" s="78"/>
      <c r="E349" s="245"/>
      <c r="F349" s="49"/>
    </row>
    <row r="350" spans="1:6" s="121" customFormat="1">
      <c r="A350" s="120"/>
      <c r="B350" s="120"/>
      <c r="C350" s="78"/>
      <c r="D350" s="78"/>
      <c r="E350" s="245"/>
      <c r="F350" s="49"/>
    </row>
    <row r="351" spans="1:6" s="121" customFormat="1">
      <c r="A351" s="134"/>
      <c r="B351" s="135"/>
      <c r="C351" s="102"/>
      <c r="D351" s="102"/>
      <c r="E351" s="246"/>
      <c r="F351" s="49"/>
    </row>
    <row r="352" spans="1:6">
      <c r="A352" s="13"/>
      <c r="B352" s="14"/>
      <c r="C352" s="108"/>
      <c r="D352" s="108"/>
      <c r="E352" s="108" t="s">
        <v>555</v>
      </c>
    </row>
    <row r="353" spans="1:6">
      <c r="A353" s="13" t="s">
        <v>592</v>
      </c>
      <c r="B353" s="14"/>
      <c r="C353" s="108"/>
      <c r="D353" s="108"/>
      <c r="E353" s="108"/>
    </row>
    <row r="354" spans="1:6" ht="13.5" customHeight="1">
      <c r="A354" s="250" t="s">
        <v>541</v>
      </c>
      <c r="B354" s="250" t="s">
        <v>214</v>
      </c>
      <c r="C354" s="247" t="s">
        <v>212</v>
      </c>
      <c r="D354" s="248"/>
      <c r="E354" s="249"/>
    </row>
    <row r="355" spans="1:6">
      <c r="A355" s="263"/>
      <c r="B355" s="263"/>
      <c r="C355" s="184" t="s">
        <v>120</v>
      </c>
      <c r="D355" s="184" t="s">
        <v>121</v>
      </c>
      <c r="E355" s="184" t="s">
        <v>215</v>
      </c>
    </row>
    <row r="356" spans="1:6">
      <c r="A356" s="264" t="s">
        <v>9</v>
      </c>
      <c r="B356" s="12" t="s">
        <v>1074</v>
      </c>
      <c r="C356" s="171"/>
      <c r="D356" s="104"/>
      <c r="E356" s="244"/>
    </row>
    <row r="357" spans="1:6" s="145" customFormat="1">
      <c r="A357" s="254"/>
      <c r="B357" s="70" t="s">
        <v>53</v>
      </c>
      <c r="C357" s="105"/>
      <c r="D357" s="78"/>
      <c r="E357" s="245"/>
      <c r="F357" s="49"/>
    </row>
    <row r="358" spans="1:6" s="145" customFormat="1">
      <c r="A358" s="254"/>
      <c r="B358" s="70" t="s">
        <v>486</v>
      </c>
      <c r="C358" s="78"/>
      <c r="D358" s="105"/>
      <c r="E358" s="245"/>
      <c r="F358" s="49"/>
    </row>
    <row r="359" spans="1:6" s="93" customFormat="1" ht="19.2">
      <c r="A359" s="254"/>
      <c r="B359" s="70" t="s">
        <v>326</v>
      </c>
      <c r="C359" s="174"/>
      <c r="D359" s="78"/>
      <c r="E359" s="245"/>
      <c r="F359" s="49"/>
    </row>
    <row r="360" spans="1:6">
      <c r="A360" s="11" t="s">
        <v>199</v>
      </c>
      <c r="B360" s="11" t="s">
        <v>1230</v>
      </c>
      <c r="C360" s="172"/>
      <c r="D360" s="78"/>
      <c r="E360" s="245"/>
    </row>
    <row r="361" spans="1:6">
      <c r="A361" s="11" t="s">
        <v>522</v>
      </c>
      <c r="B361" s="11" t="s">
        <v>1231</v>
      </c>
      <c r="C361" s="172"/>
      <c r="D361" s="78"/>
      <c r="E361" s="245"/>
    </row>
    <row r="362" spans="1:6">
      <c r="A362" s="11" t="s">
        <v>144</v>
      </c>
      <c r="B362" s="11" t="s">
        <v>1232</v>
      </c>
      <c r="C362" s="172"/>
      <c r="D362" s="78"/>
      <c r="E362" s="245"/>
    </row>
    <row r="363" spans="1:6">
      <c r="A363" s="11" t="s">
        <v>146</v>
      </c>
      <c r="B363" s="11" t="s">
        <v>1233</v>
      </c>
      <c r="C363" s="172"/>
      <c r="D363" s="78"/>
      <c r="E363" s="245"/>
    </row>
    <row r="364" spans="1:6">
      <c r="A364" s="11" t="s">
        <v>149</v>
      </c>
      <c r="B364" s="11" t="s">
        <v>1234</v>
      </c>
      <c r="C364" s="172"/>
      <c r="D364" s="78"/>
      <c r="E364" s="245"/>
    </row>
    <row r="365" spans="1:6">
      <c r="A365" s="11" t="s">
        <v>523</v>
      </c>
      <c r="B365" s="11" t="s">
        <v>328</v>
      </c>
      <c r="C365" s="172"/>
      <c r="D365" s="78"/>
      <c r="E365" s="245"/>
    </row>
    <row r="366" spans="1:6">
      <c r="A366" s="11"/>
      <c r="B366" s="11"/>
      <c r="C366" s="78"/>
      <c r="D366" s="78"/>
      <c r="E366" s="245"/>
    </row>
    <row r="367" spans="1:6">
      <c r="A367" s="11"/>
      <c r="B367" s="11"/>
      <c r="C367" s="78"/>
      <c r="D367" s="78"/>
      <c r="E367" s="245"/>
    </row>
    <row r="368" spans="1:6">
      <c r="A368" s="15"/>
      <c r="B368" s="15"/>
      <c r="C368" s="102"/>
      <c r="D368" s="102"/>
      <c r="E368" s="246"/>
    </row>
    <row r="369" spans="1:5">
      <c r="A369" s="13"/>
      <c r="B369" s="14"/>
      <c r="C369" s="108"/>
      <c r="D369" s="108"/>
      <c r="E369" s="108"/>
    </row>
    <row r="370" spans="1:5">
      <c r="A370" s="115" t="s">
        <v>329</v>
      </c>
      <c r="B370" s="115"/>
      <c r="C370" s="108"/>
      <c r="D370" s="108"/>
      <c r="E370" s="108"/>
    </row>
    <row r="371" spans="1:5">
      <c r="A371" s="118" t="s">
        <v>816</v>
      </c>
      <c r="B371" s="118"/>
      <c r="C371" s="108"/>
      <c r="D371" s="108"/>
      <c r="E371" s="108"/>
    </row>
    <row r="372" spans="1:5" ht="13.5" customHeight="1">
      <c r="A372" s="250" t="s">
        <v>541</v>
      </c>
      <c r="B372" s="250" t="s">
        <v>214</v>
      </c>
      <c r="C372" s="247" t="s">
        <v>212</v>
      </c>
      <c r="D372" s="248"/>
      <c r="E372" s="249"/>
    </row>
    <row r="373" spans="1:5">
      <c r="A373" s="251"/>
      <c r="B373" s="251"/>
      <c r="C373" s="99" t="s">
        <v>120</v>
      </c>
      <c r="D373" s="99" t="s">
        <v>121</v>
      </c>
      <c r="E373" s="99" t="s">
        <v>215</v>
      </c>
    </row>
    <row r="374" spans="1:5">
      <c r="A374" s="12" t="s">
        <v>9</v>
      </c>
      <c r="B374" s="12" t="s">
        <v>1074</v>
      </c>
      <c r="C374" s="171"/>
      <c r="D374" s="104"/>
      <c r="E374" s="244"/>
    </row>
    <row r="375" spans="1:5">
      <c r="A375" s="11" t="s">
        <v>163</v>
      </c>
      <c r="B375" s="11" t="s">
        <v>1235</v>
      </c>
      <c r="C375" s="172"/>
      <c r="D375" s="78"/>
      <c r="E375" s="245"/>
    </row>
    <row r="376" spans="1:5">
      <c r="A376" s="11" t="s">
        <v>251</v>
      </c>
      <c r="B376" s="11" t="s">
        <v>1236</v>
      </c>
      <c r="C376" s="172"/>
      <c r="D376" s="78"/>
      <c r="E376" s="245"/>
    </row>
    <row r="377" spans="1:5">
      <c r="A377" s="11"/>
      <c r="B377" s="11"/>
      <c r="C377" s="78"/>
      <c r="D377" s="78"/>
      <c r="E377" s="245"/>
    </row>
    <row r="378" spans="1:5">
      <c r="A378" s="11"/>
      <c r="B378" s="11"/>
      <c r="C378" s="78"/>
      <c r="D378" s="78"/>
      <c r="E378" s="245"/>
    </row>
    <row r="379" spans="1:5">
      <c r="A379" s="15"/>
      <c r="B379" s="15"/>
      <c r="C379" s="102"/>
      <c r="D379" s="102"/>
      <c r="E379" s="246"/>
    </row>
    <row r="380" spans="1:5">
      <c r="A380" s="13"/>
      <c r="B380" s="14"/>
      <c r="C380" s="108"/>
      <c r="D380" s="108"/>
      <c r="E380" s="108"/>
    </row>
    <row r="381" spans="1:5">
      <c r="A381" s="118" t="s">
        <v>253</v>
      </c>
      <c r="B381" s="118"/>
      <c r="C381" s="108"/>
      <c r="D381" s="108"/>
      <c r="E381" s="108"/>
    </row>
    <row r="382" spans="1:5" ht="13.5" customHeight="1">
      <c r="A382" s="250" t="s">
        <v>541</v>
      </c>
      <c r="B382" s="250" t="s">
        <v>214</v>
      </c>
      <c r="C382" s="247" t="s">
        <v>212</v>
      </c>
      <c r="D382" s="248"/>
      <c r="E382" s="249"/>
    </row>
    <row r="383" spans="1:5">
      <c r="A383" s="251"/>
      <c r="B383" s="251"/>
      <c r="C383" s="99" t="s">
        <v>120</v>
      </c>
      <c r="D383" s="99" t="s">
        <v>121</v>
      </c>
      <c r="E383" s="99" t="s">
        <v>215</v>
      </c>
    </row>
    <row r="384" spans="1:5">
      <c r="A384" s="12" t="s">
        <v>9</v>
      </c>
      <c r="B384" s="12" t="s">
        <v>1074</v>
      </c>
      <c r="C384" s="171"/>
      <c r="D384" s="104"/>
      <c r="E384" s="244"/>
    </row>
    <row r="385" spans="1:6">
      <c r="A385" s="11" t="s">
        <v>162</v>
      </c>
      <c r="B385" s="11" t="s">
        <v>1237</v>
      </c>
      <c r="C385" s="172"/>
      <c r="D385" s="78"/>
      <c r="E385" s="245"/>
    </row>
    <row r="386" spans="1:6">
      <c r="A386" s="11" t="s">
        <v>230</v>
      </c>
      <c r="B386" s="11" t="s">
        <v>1238</v>
      </c>
      <c r="C386" s="172"/>
      <c r="D386" s="78"/>
      <c r="E386" s="245"/>
    </row>
    <row r="387" spans="1:6">
      <c r="A387" s="80" t="s">
        <v>387</v>
      </c>
      <c r="B387" s="80" t="s">
        <v>1239</v>
      </c>
      <c r="C387" s="172"/>
      <c r="D387" s="78"/>
      <c r="E387" s="245"/>
    </row>
    <row r="388" spans="1:6">
      <c r="A388" s="11"/>
      <c r="B388" s="11"/>
      <c r="C388" s="78"/>
      <c r="D388" s="78"/>
      <c r="E388" s="245"/>
    </row>
    <row r="389" spans="1:6">
      <c r="A389" s="11"/>
      <c r="B389" s="11"/>
      <c r="C389" s="78"/>
      <c r="D389" s="78"/>
      <c r="E389" s="245"/>
    </row>
    <row r="390" spans="1:6" s="68" customFormat="1">
      <c r="A390" s="81"/>
      <c r="B390" s="82"/>
      <c r="C390" s="102"/>
      <c r="D390" s="102"/>
      <c r="E390" s="246"/>
      <c r="F390" s="49"/>
    </row>
    <row r="391" spans="1:6">
      <c r="A391" s="13"/>
      <c r="B391" s="14"/>
      <c r="C391" s="108"/>
      <c r="D391" s="108"/>
      <c r="E391" s="108" t="s">
        <v>555</v>
      </c>
    </row>
    <row r="392" spans="1:6">
      <c r="A392" s="118" t="s">
        <v>254</v>
      </c>
      <c r="B392" s="118"/>
      <c r="C392" s="108"/>
      <c r="D392" s="108"/>
      <c r="E392" s="185"/>
    </row>
    <row r="393" spans="1:6" ht="13.5" customHeight="1">
      <c r="A393" s="250" t="s">
        <v>541</v>
      </c>
      <c r="B393" s="250" t="s">
        <v>214</v>
      </c>
      <c r="C393" s="247" t="s">
        <v>212</v>
      </c>
      <c r="D393" s="248"/>
      <c r="E393" s="249"/>
    </row>
    <row r="394" spans="1:6">
      <c r="A394" s="251"/>
      <c r="B394" s="251"/>
      <c r="C394" s="99" t="s">
        <v>120</v>
      </c>
      <c r="D394" s="99" t="s">
        <v>121</v>
      </c>
      <c r="E394" s="99" t="s">
        <v>215</v>
      </c>
    </row>
    <row r="395" spans="1:6">
      <c r="A395" s="12" t="s">
        <v>9</v>
      </c>
      <c r="B395" s="12" t="s">
        <v>1074</v>
      </c>
      <c r="C395" s="171"/>
      <c r="D395" s="104"/>
      <c r="E395" s="244"/>
    </row>
    <row r="396" spans="1:6">
      <c r="A396" s="11" t="s">
        <v>151</v>
      </c>
      <c r="B396" s="11" t="s">
        <v>1240</v>
      </c>
      <c r="C396" s="172"/>
      <c r="D396" s="78"/>
      <c r="E396" s="245"/>
    </row>
    <row r="397" spans="1:6">
      <c r="A397" s="11" t="s">
        <v>255</v>
      </c>
      <c r="B397" s="11" t="s">
        <v>1238</v>
      </c>
      <c r="C397" s="172"/>
      <c r="D397" s="78"/>
      <c r="E397" s="245"/>
    </row>
    <row r="398" spans="1:6">
      <c r="A398" s="11"/>
      <c r="B398" s="11"/>
      <c r="C398" s="78"/>
      <c r="D398" s="78"/>
      <c r="E398" s="245"/>
    </row>
    <row r="399" spans="1:6">
      <c r="A399" s="11"/>
      <c r="B399" s="11"/>
      <c r="C399" s="78"/>
      <c r="D399" s="78"/>
      <c r="E399" s="245"/>
    </row>
    <row r="400" spans="1:6">
      <c r="A400" s="15"/>
      <c r="B400" s="15"/>
      <c r="C400" s="102"/>
      <c r="D400" s="102"/>
      <c r="E400" s="246"/>
    </row>
    <row r="401" spans="1:5">
      <c r="A401" s="13"/>
      <c r="B401" s="14"/>
      <c r="C401" s="108"/>
      <c r="D401" s="108"/>
      <c r="E401" s="108"/>
    </row>
    <row r="402" spans="1:5">
      <c r="A402" s="118" t="s">
        <v>38</v>
      </c>
      <c r="B402" s="118"/>
      <c r="C402" s="108"/>
      <c r="D402" s="108"/>
      <c r="E402" s="108"/>
    </row>
    <row r="403" spans="1:5" ht="13.5" customHeight="1">
      <c r="A403" s="250" t="s">
        <v>541</v>
      </c>
      <c r="B403" s="250" t="s">
        <v>214</v>
      </c>
      <c r="C403" s="247" t="s">
        <v>212</v>
      </c>
      <c r="D403" s="248"/>
      <c r="E403" s="249"/>
    </row>
    <row r="404" spans="1:5">
      <c r="A404" s="251"/>
      <c r="B404" s="251"/>
      <c r="C404" s="99" t="s">
        <v>120</v>
      </c>
      <c r="D404" s="99" t="s">
        <v>121</v>
      </c>
      <c r="E404" s="99" t="s">
        <v>215</v>
      </c>
    </row>
    <row r="405" spans="1:5">
      <c r="A405" s="12" t="s">
        <v>9</v>
      </c>
      <c r="B405" s="12" t="s">
        <v>1074</v>
      </c>
      <c r="C405" s="171"/>
      <c r="D405" s="104"/>
      <c r="E405" s="244"/>
    </row>
    <row r="406" spans="1:5" ht="30" customHeight="1">
      <c r="A406" s="11" t="s">
        <v>153</v>
      </c>
      <c r="B406" s="11" t="s">
        <v>1241</v>
      </c>
      <c r="C406" s="172"/>
      <c r="D406" s="78"/>
      <c r="E406" s="245"/>
    </row>
    <row r="407" spans="1:5">
      <c r="A407" s="11" t="s">
        <v>154</v>
      </c>
      <c r="B407" s="11" t="s">
        <v>1238</v>
      </c>
      <c r="C407" s="172"/>
      <c r="D407" s="78"/>
      <c r="E407" s="245"/>
    </row>
    <row r="408" spans="1:5">
      <c r="A408" s="11" t="s">
        <v>158</v>
      </c>
      <c r="B408" s="11" t="s">
        <v>1242</v>
      </c>
      <c r="C408" s="172"/>
      <c r="D408" s="78"/>
      <c r="E408" s="245"/>
    </row>
    <row r="409" spans="1:5">
      <c r="A409" s="11" t="s">
        <v>160</v>
      </c>
      <c r="B409" s="11" t="s">
        <v>1243</v>
      </c>
      <c r="C409" s="172"/>
      <c r="D409" s="78"/>
      <c r="E409" s="245"/>
    </row>
    <row r="410" spans="1:5">
      <c r="A410" s="11" t="s">
        <v>258</v>
      </c>
      <c r="B410" s="11" t="s">
        <v>1244</v>
      </c>
      <c r="C410" s="172"/>
      <c r="D410" s="78"/>
      <c r="E410" s="245"/>
    </row>
    <row r="411" spans="1:5">
      <c r="A411" s="11" t="s">
        <v>159</v>
      </c>
      <c r="B411" s="11" t="s">
        <v>1245</v>
      </c>
      <c r="C411" s="172"/>
      <c r="D411" s="78"/>
      <c r="E411" s="245"/>
    </row>
    <row r="412" spans="1:5">
      <c r="A412" s="11" t="s">
        <v>156</v>
      </c>
      <c r="B412" s="11" t="s">
        <v>1246</v>
      </c>
      <c r="C412" s="172"/>
      <c r="D412" s="78"/>
      <c r="E412" s="245"/>
    </row>
    <row r="413" spans="1:5">
      <c r="A413" s="11" t="s">
        <v>487</v>
      </c>
      <c r="B413" s="11" t="s">
        <v>1238</v>
      </c>
      <c r="C413" s="172"/>
      <c r="D413" s="78"/>
      <c r="E413" s="245"/>
    </row>
    <row r="414" spans="1:5" ht="51.75" customHeight="1">
      <c r="A414" s="186" t="s">
        <v>1141</v>
      </c>
      <c r="B414" s="186" t="s">
        <v>1247</v>
      </c>
      <c r="C414" s="172"/>
      <c r="D414" s="78"/>
      <c r="E414" s="245"/>
    </row>
    <row r="415" spans="1:5">
      <c r="A415" s="11" t="s">
        <v>157</v>
      </c>
      <c r="B415" s="11" t="s">
        <v>1248</v>
      </c>
      <c r="C415" s="172"/>
      <c r="D415" s="78"/>
      <c r="E415" s="245"/>
    </row>
    <row r="416" spans="1:5" ht="30" customHeight="1">
      <c r="A416" s="11" t="s">
        <v>161</v>
      </c>
      <c r="B416" s="11" t="s">
        <v>1249</v>
      </c>
      <c r="C416" s="172"/>
      <c r="D416" s="78"/>
      <c r="E416" s="245"/>
    </row>
    <row r="417" spans="1:5">
      <c r="A417" s="11"/>
      <c r="B417" s="11"/>
      <c r="C417" s="78"/>
      <c r="D417" s="78"/>
      <c r="E417" s="245"/>
    </row>
    <row r="418" spans="1:5">
      <c r="A418" s="11"/>
      <c r="B418" s="11"/>
      <c r="C418" s="78"/>
      <c r="D418" s="78"/>
      <c r="E418" s="245"/>
    </row>
    <row r="419" spans="1:5">
      <c r="A419" s="15"/>
      <c r="B419" s="15"/>
      <c r="C419" s="102"/>
      <c r="D419" s="102"/>
      <c r="E419" s="246"/>
    </row>
    <row r="420" spans="1:5">
      <c r="A420" s="13"/>
      <c r="B420" s="14"/>
      <c r="C420" s="108"/>
      <c r="D420" s="108"/>
      <c r="E420" s="108" t="s">
        <v>555</v>
      </c>
    </row>
    <row r="421" spans="1:5">
      <c r="A421" s="118" t="s">
        <v>39</v>
      </c>
      <c r="B421" s="118"/>
      <c r="C421" s="108"/>
      <c r="D421" s="108"/>
      <c r="E421" s="108"/>
    </row>
    <row r="422" spans="1:5" ht="13.5" customHeight="1">
      <c r="A422" s="250" t="s">
        <v>541</v>
      </c>
      <c r="B422" s="250" t="s">
        <v>214</v>
      </c>
      <c r="C422" s="247" t="s">
        <v>212</v>
      </c>
      <c r="D422" s="248"/>
      <c r="E422" s="249"/>
    </row>
    <row r="423" spans="1:5">
      <c r="A423" s="251"/>
      <c r="B423" s="251"/>
      <c r="C423" s="99" t="s">
        <v>120</v>
      </c>
      <c r="D423" s="99" t="s">
        <v>121</v>
      </c>
      <c r="E423" s="99" t="s">
        <v>215</v>
      </c>
    </row>
    <row r="424" spans="1:5">
      <c r="A424" s="12" t="s">
        <v>9</v>
      </c>
      <c r="B424" s="12" t="s">
        <v>1074</v>
      </c>
      <c r="C424" s="171"/>
      <c r="D424" s="104"/>
      <c r="E424" s="244"/>
    </row>
    <row r="425" spans="1:5" ht="30" customHeight="1">
      <c r="A425" s="186" t="s">
        <v>153</v>
      </c>
      <c r="B425" s="11" t="s">
        <v>1250</v>
      </c>
      <c r="C425" s="172"/>
      <c r="D425" s="78"/>
      <c r="E425" s="245"/>
    </row>
    <row r="426" spans="1:5">
      <c r="A426" s="11" t="s">
        <v>154</v>
      </c>
      <c r="B426" s="11" t="s">
        <v>1251</v>
      </c>
      <c r="C426" s="172"/>
      <c r="D426" s="78"/>
      <c r="E426" s="245"/>
    </row>
    <row r="427" spans="1:5">
      <c r="A427" s="11" t="s">
        <v>156</v>
      </c>
      <c r="B427" s="11" t="s">
        <v>1246</v>
      </c>
      <c r="C427" s="172"/>
      <c r="D427" s="78"/>
      <c r="E427" s="245"/>
    </row>
    <row r="428" spans="1:5">
      <c r="A428" s="11" t="s">
        <v>487</v>
      </c>
      <c r="B428" s="11" t="s">
        <v>1238</v>
      </c>
      <c r="C428" s="172"/>
      <c r="D428" s="78"/>
      <c r="E428" s="245"/>
    </row>
    <row r="429" spans="1:5" ht="30" customHeight="1">
      <c r="A429" s="186" t="s">
        <v>593</v>
      </c>
      <c r="B429" s="186" t="s">
        <v>1247</v>
      </c>
      <c r="C429" s="157"/>
      <c r="D429" s="78"/>
      <c r="E429" s="245"/>
    </row>
    <row r="430" spans="1:5">
      <c r="A430" s="11" t="s">
        <v>40</v>
      </c>
      <c r="B430" s="11" t="s">
        <v>1252</v>
      </c>
      <c r="C430" s="172"/>
      <c r="D430" s="78"/>
      <c r="E430" s="245"/>
    </row>
    <row r="431" spans="1:5">
      <c r="A431" s="11"/>
      <c r="B431" s="11"/>
      <c r="C431" s="78"/>
      <c r="D431" s="78"/>
      <c r="E431" s="245"/>
    </row>
    <row r="432" spans="1:5">
      <c r="A432" s="11"/>
      <c r="B432" s="11"/>
      <c r="C432" s="78"/>
      <c r="D432" s="78"/>
      <c r="E432" s="245"/>
    </row>
    <row r="433" spans="1:5">
      <c r="A433" s="15"/>
      <c r="B433" s="15"/>
      <c r="C433" s="102"/>
      <c r="D433" s="102"/>
      <c r="E433" s="246"/>
    </row>
    <row r="434" spans="1:5">
      <c r="A434" s="13"/>
      <c r="B434" s="14"/>
      <c r="C434" s="108"/>
      <c r="D434" s="108"/>
      <c r="E434" s="108"/>
    </row>
    <row r="435" spans="1:5">
      <c r="A435" s="115" t="s">
        <v>41</v>
      </c>
      <c r="B435" s="115"/>
      <c r="C435" s="108"/>
      <c r="D435" s="108"/>
      <c r="E435" s="108"/>
    </row>
    <row r="436" spans="1:5">
      <c r="A436" s="118" t="s">
        <v>264</v>
      </c>
      <c r="B436" s="118"/>
      <c r="C436" s="108"/>
      <c r="D436" s="108"/>
      <c r="E436" s="108"/>
    </row>
    <row r="437" spans="1:5" ht="13.5" customHeight="1">
      <c r="A437" s="250" t="s">
        <v>541</v>
      </c>
      <c r="B437" s="250" t="s">
        <v>214</v>
      </c>
      <c r="C437" s="247" t="s">
        <v>212</v>
      </c>
      <c r="D437" s="248"/>
      <c r="E437" s="249"/>
    </row>
    <row r="438" spans="1:5">
      <c r="A438" s="251"/>
      <c r="B438" s="251"/>
      <c r="C438" s="99" t="s">
        <v>120</v>
      </c>
      <c r="D438" s="99" t="s">
        <v>121</v>
      </c>
      <c r="E438" s="99" t="s">
        <v>215</v>
      </c>
    </row>
    <row r="439" spans="1:5">
      <c r="A439" s="12" t="s">
        <v>9</v>
      </c>
      <c r="B439" s="12" t="s">
        <v>1074</v>
      </c>
      <c r="C439" s="171"/>
      <c r="D439" s="104"/>
      <c r="E439" s="244"/>
    </row>
    <row r="440" spans="1:5">
      <c r="A440" s="11" t="s">
        <v>265</v>
      </c>
      <c r="B440" s="11" t="s">
        <v>1253</v>
      </c>
      <c r="C440" s="172"/>
      <c r="D440" s="78"/>
      <c r="E440" s="245"/>
    </row>
    <row r="441" spans="1:5">
      <c r="A441" s="11" t="s">
        <v>266</v>
      </c>
      <c r="B441" s="11" t="s">
        <v>1254</v>
      </c>
      <c r="C441" s="172"/>
      <c r="D441" s="78"/>
      <c r="E441" s="245"/>
    </row>
    <row r="442" spans="1:5">
      <c r="A442" s="11" t="s">
        <v>267</v>
      </c>
      <c r="B442" s="11" t="s">
        <v>1255</v>
      </c>
      <c r="C442" s="172"/>
      <c r="D442" s="78"/>
      <c r="E442" s="245"/>
    </row>
    <row r="443" spans="1:5">
      <c r="A443" s="11"/>
      <c r="B443" s="11"/>
      <c r="C443" s="78"/>
      <c r="D443" s="78"/>
      <c r="E443" s="245"/>
    </row>
    <row r="444" spans="1:5">
      <c r="A444" s="11"/>
      <c r="B444" s="11"/>
      <c r="C444" s="78"/>
      <c r="D444" s="78"/>
      <c r="E444" s="245"/>
    </row>
    <row r="445" spans="1:5">
      <c r="A445" s="15"/>
      <c r="B445" s="15"/>
      <c r="C445" s="102"/>
      <c r="D445" s="102"/>
      <c r="E445" s="246"/>
    </row>
    <row r="446" spans="1:5" ht="6.75" customHeight="1">
      <c r="A446" s="13"/>
      <c r="B446" s="14"/>
      <c r="C446" s="108"/>
      <c r="D446" s="108"/>
      <c r="E446" s="108"/>
    </row>
    <row r="447" spans="1:5">
      <c r="A447" s="118" t="s">
        <v>463</v>
      </c>
      <c r="B447" s="118"/>
      <c r="C447" s="108"/>
      <c r="D447" s="108"/>
      <c r="E447" s="108"/>
    </row>
    <row r="448" spans="1:5" ht="13.5" customHeight="1">
      <c r="A448" s="250" t="s">
        <v>541</v>
      </c>
      <c r="B448" s="250" t="s">
        <v>214</v>
      </c>
      <c r="C448" s="247" t="s">
        <v>212</v>
      </c>
      <c r="D448" s="248"/>
      <c r="E448" s="249"/>
    </row>
    <row r="449" spans="1:6">
      <c r="A449" s="251"/>
      <c r="B449" s="251"/>
      <c r="C449" s="99" t="s">
        <v>120</v>
      </c>
      <c r="D449" s="99" t="s">
        <v>121</v>
      </c>
      <c r="E449" s="99" t="s">
        <v>215</v>
      </c>
    </row>
    <row r="450" spans="1:6">
      <c r="A450" s="12" t="s">
        <v>9</v>
      </c>
      <c r="B450" s="12" t="s">
        <v>1074</v>
      </c>
      <c r="C450" s="171"/>
      <c r="D450" s="104"/>
      <c r="E450" s="244"/>
    </row>
    <row r="451" spans="1:6">
      <c r="A451" s="11" t="s">
        <v>164</v>
      </c>
      <c r="B451" s="11" t="s">
        <v>1256</v>
      </c>
      <c r="C451" s="172"/>
      <c r="D451" s="78"/>
      <c r="E451" s="245"/>
    </row>
    <row r="452" spans="1:6" ht="30" customHeight="1">
      <c r="A452" s="120" t="s">
        <v>571</v>
      </c>
      <c r="B452" s="120" t="s">
        <v>54</v>
      </c>
      <c r="C452" s="78"/>
      <c r="D452" s="78"/>
      <c r="E452" s="245"/>
    </row>
    <row r="453" spans="1:6">
      <c r="A453" s="120" t="s">
        <v>560</v>
      </c>
      <c r="B453" s="120" t="s">
        <v>1257</v>
      </c>
      <c r="C453" s="157"/>
      <c r="D453" s="78"/>
      <c r="E453" s="245"/>
    </row>
    <row r="454" spans="1:6" s="121" customFormat="1" ht="30" customHeight="1">
      <c r="A454" s="86" t="s">
        <v>42</v>
      </c>
      <c r="B454" s="86" t="s">
        <v>1258</v>
      </c>
      <c r="C454" s="187"/>
      <c r="D454" s="78"/>
      <c r="E454" s="245"/>
      <c r="F454" s="49"/>
    </row>
    <row r="455" spans="1:6" s="121" customFormat="1">
      <c r="A455" s="11" t="s">
        <v>149</v>
      </c>
      <c r="B455" s="11" t="s">
        <v>1259</v>
      </c>
      <c r="C455" s="187"/>
      <c r="D455" s="78"/>
      <c r="E455" s="245"/>
      <c r="F455" s="49"/>
    </row>
    <row r="456" spans="1:6" s="121" customFormat="1">
      <c r="A456" s="120" t="s">
        <v>43</v>
      </c>
      <c r="B456" s="120" t="s">
        <v>1260</v>
      </c>
      <c r="C456" s="187"/>
      <c r="D456" s="78"/>
      <c r="E456" s="245"/>
      <c r="F456" s="49"/>
    </row>
    <row r="457" spans="1:6" s="121" customFormat="1">
      <c r="A457" s="133"/>
      <c r="B457" s="120"/>
      <c r="C457" s="78"/>
      <c r="D457" s="78"/>
      <c r="E457" s="245"/>
      <c r="F457" s="49"/>
    </row>
    <row r="458" spans="1:6" s="126" customFormat="1">
      <c r="A458" s="86"/>
      <c r="B458" s="86"/>
      <c r="C458" s="78"/>
      <c r="D458" s="78"/>
      <c r="E458" s="245"/>
      <c r="F458" s="49"/>
    </row>
    <row r="459" spans="1:6" s="126" customFormat="1">
      <c r="A459" s="88"/>
      <c r="B459" s="88"/>
      <c r="C459" s="102"/>
      <c r="D459" s="102"/>
      <c r="E459" s="246"/>
      <c r="F459" s="49"/>
    </row>
    <row r="460" spans="1:6">
      <c r="A460" s="13"/>
      <c r="B460" s="14"/>
      <c r="C460" s="108"/>
      <c r="D460" s="108"/>
      <c r="E460" s="108" t="s">
        <v>555</v>
      </c>
    </row>
    <row r="461" spans="1:6">
      <c r="A461" s="118" t="s">
        <v>362</v>
      </c>
      <c r="B461" s="118"/>
      <c r="C461" s="108"/>
      <c r="D461" s="108"/>
      <c r="E461" s="108"/>
    </row>
    <row r="462" spans="1:6" ht="13.5" customHeight="1">
      <c r="A462" s="250" t="s">
        <v>541</v>
      </c>
      <c r="B462" s="250" t="s">
        <v>214</v>
      </c>
      <c r="C462" s="247" t="s">
        <v>212</v>
      </c>
      <c r="D462" s="248"/>
      <c r="E462" s="249"/>
    </row>
    <row r="463" spans="1:6">
      <c r="A463" s="251"/>
      <c r="B463" s="251"/>
      <c r="C463" s="99" t="s">
        <v>120</v>
      </c>
      <c r="D463" s="99" t="s">
        <v>121</v>
      </c>
      <c r="E463" s="99" t="s">
        <v>215</v>
      </c>
    </row>
    <row r="464" spans="1:6">
      <c r="A464" s="12" t="s">
        <v>9</v>
      </c>
      <c r="B464" s="12" t="s">
        <v>1074</v>
      </c>
      <c r="C464" s="171"/>
      <c r="D464" s="104"/>
      <c r="E464" s="244"/>
    </row>
    <row r="465" spans="1:5">
      <c r="A465" s="11" t="s">
        <v>358</v>
      </c>
      <c r="B465" s="11" t="s">
        <v>1261</v>
      </c>
      <c r="C465" s="172"/>
      <c r="D465" s="78"/>
      <c r="E465" s="245"/>
    </row>
    <row r="466" spans="1:5" ht="45" customHeight="1">
      <c r="A466" s="11" t="s">
        <v>359</v>
      </c>
      <c r="B466" s="11" t="s">
        <v>1262</v>
      </c>
      <c r="C466" s="172"/>
      <c r="D466" s="78"/>
      <c r="E466" s="245"/>
    </row>
    <row r="467" spans="1:5">
      <c r="A467" s="11"/>
      <c r="B467" s="11"/>
      <c r="C467" s="78"/>
      <c r="D467" s="78"/>
      <c r="E467" s="245"/>
    </row>
    <row r="468" spans="1:5">
      <c r="A468" s="11"/>
      <c r="B468" s="11"/>
      <c r="C468" s="78"/>
      <c r="D468" s="78"/>
      <c r="E468" s="245"/>
    </row>
    <row r="469" spans="1:5">
      <c r="A469" s="15"/>
      <c r="B469" s="15"/>
      <c r="C469" s="102"/>
      <c r="D469" s="102"/>
      <c r="E469" s="246"/>
    </row>
    <row r="470" spans="1:5">
      <c r="A470" s="13"/>
      <c r="B470" s="14"/>
      <c r="C470" s="108"/>
      <c r="D470" s="108"/>
      <c r="E470" s="108"/>
    </row>
    <row r="471" spans="1:5">
      <c r="A471" s="118" t="s">
        <v>363</v>
      </c>
      <c r="B471" s="118"/>
      <c r="C471" s="108"/>
      <c r="D471" s="108"/>
      <c r="E471" s="108"/>
    </row>
    <row r="472" spans="1:5" ht="13.5" customHeight="1">
      <c r="A472" s="250" t="s">
        <v>541</v>
      </c>
      <c r="B472" s="250" t="s">
        <v>214</v>
      </c>
      <c r="C472" s="247" t="s">
        <v>212</v>
      </c>
      <c r="D472" s="248"/>
      <c r="E472" s="249"/>
    </row>
    <row r="473" spans="1:5">
      <c r="A473" s="251"/>
      <c r="B473" s="251"/>
      <c r="C473" s="99" t="s">
        <v>120</v>
      </c>
      <c r="D473" s="99" t="s">
        <v>121</v>
      </c>
      <c r="E473" s="99" t="s">
        <v>215</v>
      </c>
    </row>
    <row r="474" spans="1:5">
      <c r="A474" s="12" t="s">
        <v>9</v>
      </c>
      <c r="B474" s="12" t="s">
        <v>1074</v>
      </c>
      <c r="C474" s="171"/>
      <c r="D474" s="104"/>
      <c r="E474" s="244"/>
    </row>
    <row r="475" spans="1:5">
      <c r="A475" s="11" t="s">
        <v>360</v>
      </c>
      <c r="B475" s="11" t="s">
        <v>1263</v>
      </c>
      <c r="C475" s="172"/>
      <c r="D475" s="78"/>
      <c r="E475" s="245"/>
    </row>
    <row r="476" spans="1:5">
      <c r="A476" s="11" t="s">
        <v>361</v>
      </c>
      <c r="B476" s="11" t="s">
        <v>1263</v>
      </c>
      <c r="C476" s="172"/>
      <c r="D476" s="78"/>
      <c r="E476" s="245"/>
    </row>
    <row r="477" spans="1:5">
      <c r="A477" s="11" t="s">
        <v>377</v>
      </c>
      <c r="B477" s="11" t="s">
        <v>1263</v>
      </c>
      <c r="C477" s="172"/>
      <c r="D477" s="78"/>
      <c r="E477" s="245"/>
    </row>
    <row r="478" spans="1:5">
      <c r="A478" s="11"/>
      <c r="B478" s="11"/>
      <c r="C478" s="78"/>
      <c r="D478" s="78"/>
      <c r="E478" s="245"/>
    </row>
    <row r="479" spans="1:5">
      <c r="A479" s="11"/>
      <c r="B479" s="11"/>
      <c r="C479" s="78"/>
      <c r="D479" s="78"/>
      <c r="E479" s="245"/>
    </row>
    <row r="480" spans="1:5">
      <c r="A480" s="15"/>
      <c r="B480" s="15"/>
      <c r="C480" s="102"/>
      <c r="D480" s="102"/>
      <c r="E480" s="246"/>
    </row>
    <row r="481" spans="1:6">
      <c r="A481" s="13"/>
      <c r="B481" s="14"/>
      <c r="C481" s="108"/>
      <c r="D481" s="108"/>
      <c r="E481" s="108"/>
    </row>
    <row r="482" spans="1:6">
      <c r="A482" s="115" t="s">
        <v>488</v>
      </c>
      <c r="B482" s="115"/>
      <c r="C482" s="108"/>
      <c r="D482" s="108"/>
      <c r="E482" s="108"/>
    </row>
    <row r="483" spans="1:6" ht="13.5" customHeight="1">
      <c r="A483" s="250" t="s">
        <v>541</v>
      </c>
      <c r="B483" s="250" t="s">
        <v>214</v>
      </c>
      <c r="C483" s="247" t="s">
        <v>212</v>
      </c>
      <c r="D483" s="248"/>
      <c r="E483" s="249"/>
    </row>
    <row r="484" spans="1:6">
      <c r="A484" s="251"/>
      <c r="B484" s="251"/>
      <c r="C484" s="99" t="s">
        <v>120</v>
      </c>
      <c r="D484" s="99" t="s">
        <v>121</v>
      </c>
      <c r="E484" s="99" t="s">
        <v>215</v>
      </c>
    </row>
    <row r="485" spans="1:6">
      <c r="A485" s="12" t="s">
        <v>9</v>
      </c>
      <c r="B485" s="12" t="s">
        <v>1074</v>
      </c>
      <c r="C485" s="171"/>
      <c r="D485" s="104"/>
      <c r="E485" s="244"/>
    </row>
    <row r="486" spans="1:6">
      <c r="A486" s="11" t="s">
        <v>283</v>
      </c>
      <c r="B486" s="11" t="s">
        <v>1264</v>
      </c>
      <c r="C486" s="172"/>
      <c r="D486" s="78"/>
      <c r="E486" s="245"/>
    </row>
    <row r="487" spans="1:6">
      <c r="A487" s="80" t="s">
        <v>817</v>
      </c>
      <c r="B487" s="80" t="s">
        <v>1265</v>
      </c>
      <c r="C487" s="172"/>
      <c r="D487" s="78"/>
      <c r="E487" s="245"/>
    </row>
    <row r="488" spans="1:6">
      <c r="A488" s="254" t="s">
        <v>818</v>
      </c>
      <c r="B488" s="11" t="s">
        <v>1266</v>
      </c>
      <c r="C488" s="172"/>
      <c r="D488" s="78"/>
      <c r="E488" s="245"/>
    </row>
    <row r="489" spans="1:6" s="68" customFormat="1">
      <c r="A489" s="254"/>
      <c r="B489" s="11" t="s">
        <v>819</v>
      </c>
      <c r="C489" s="172"/>
      <c r="D489" s="78"/>
      <c r="E489" s="245"/>
      <c r="F489" s="49"/>
    </row>
    <row r="490" spans="1:6">
      <c r="A490" s="80" t="s">
        <v>527</v>
      </c>
      <c r="B490" s="80" t="s">
        <v>1267</v>
      </c>
      <c r="C490" s="172"/>
      <c r="D490" s="78"/>
      <c r="E490" s="245"/>
    </row>
    <row r="491" spans="1:6">
      <c r="A491" s="11"/>
      <c r="B491" s="11"/>
      <c r="C491" s="78"/>
      <c r="D491" s="78"/>
      <c r="E491" s="245"/>
    </row>
    <row r="492" spans="1:6" s="68" customFormat="1">
      <c r="A492" s="79"/>
      <c r="B492" s="80"/>
      <c r="C492" s="78"/>
      <c r="D492" s="78"/>
      <c r="E492" s="245"/>
      <c r="F492" s="49"/>
    </row>
    <row r="493" spans="1:6">
      <c r="A493" s="15"/>
      <c r="B493" s="15"/>
      <c r="C493" s="102"/>
      <c r="D493" s="102"/>
      <c r="E493" s="246"/>
    </row>
    <row r="494" spans="1:6">
      <c r="A494" s="13"/>
      <c r="B494" s="14"/>
      <c r="C494" s="108"/>
      <c r="D494" s="108"/>
      <c r="E494" s="108"/>
    </row>
    <row r="495" spans="1:6">
      <c r="A495" s="118" t="s">
        <v>489</v>
      </c>
      <c r="B495" s="118"/>
      <c r="C495" s="108"/>
      <c r="D495" s="108"/>
      <c r="E495" s="108"/>
    </row>
    <row r="496" spans="1:6" ht="13.5" customHeight="1">
      <c r="A496" s="250" t="s">
        <v>541</v>
      </c>
      <c r="B496" s="250" t="s">
        <v>214</v>
      </c>
      <c r="C496" s="247" t="s">
        <v>212</v>
      </c>
      <c r="D496" s="248"/>
      <c r="E496" s="249"/>
    </row>
    <row r="497" spans="1:5">
      <c r="A497" s="251"/>
      <c r="B497" s="251"/>
      <c r="C497" s="99" t="s">
        <v>120</v>
      </c>
      <c r="D497" s="99" t="s">
        <v>121</v>
      </c>
      <c r="E497" s="99" t="s">
        <v>215</v>
      </c>
    </row>
    <row r="498" spans="1:5">
      <c r="A498" s="12" t="s">
        <v>9</v>
      </c>
      <c r="B498" s="12" t="s">
        <v>1074</v>
      </c>
      <c r="C498" s="171"/>
      <c r="D498" s="104"/>
      <c r="E498" s="244"/>
    </row>
    <row r="499" spans="1:5" ht="30" customHeight="1">
      <c r="A499" s="186" t="s">
        <v>464</v>
      </c>
      <c r="B499" s="11" t="s">
        <v>1268</v>
      </c>
      <c r="C499" s="172"/>
      <c r="D499" s="78"/>
      <c r="E499" s="245"/>
    </row>
    <row r="500" spans="1:5">
      <c r="A500" s="11" t="s">
        <v>200</v>
      </c>
      <c r="B500" s="11" t="s">
        <v>1269</v>
      </c>
      <c r="C500" s="172"/>
      <c r="D500" s="78"/>
      <c r="E500" s="245"/>
    </row>
    <row r="501" spans="1:5">
      <c r="A501" s="11"/>
      <c r="B501" s="11"/>
      <c r="C501" s="78"/>
      <c r="D501" s="78"/>
      <c r="E501" s="245"/>
    </row>
    <row r="502" spans="1:5">
      <c r="A502" s="11"/>
      <c r="B502" s="11"/>
      <c r="C502" s="78"/>
      <c r="D502" s="78"/>
      <c r="E502" s="245"/>
    </row>
    <row r="503" spans="1:5">
      <c r="A503" s="15"/>
      <c r="B503" s="15"/>
      <c r="C503" s="102"/>
      <c r="D503" s="102"/>
      <c r="E503" s="246"/>
    </row>
    <row r="504" spans="1:5">
      <c r="A504" s="13"/>
      <c r="B504" s="14"/>
      <c r="C504" s="108"/>
      <c r="D504" s="108"/>
      <c r="E504" s="108" t="s">
        <v>555</v>
      </c>
    </row>
    <row r="505" spans="1:5">
      <c r="A505" s="118" t="s">
        <v>490</v>
      </c>
      <c r="B505" s="118"/>
      <c r="C505" s="108"/>
      <c r="D505" s="108"/>
      <c r="E505" s="108"/>
    </row>
    <row r="506" spans="1:5" ht="13.5" customHeight="1">
      <c r="A506" s="250" t="s">
        <v>541</v>
      </c>
      <c r="B506" s="250" t="s">
        <v>214</v>
      </c>
      <c r="C506" s="247" t="s">
        <v>212</v>
      </c>
      <c r="D506" s="248"/>
      <c r="E506" s="249"/>
    </row>
    <row r="507" spans="1:5">
      <c r="A507" s="251"/>
      <c r="B507" s="251"/>
      <c r="C507" s="99" t="s">
        <v>120</v>
      </c>
      <c r="D507" s="99" t="s">
        <v>121</v>
      </c>
      <c r="E507" s="99" t="s">
        <v>215</v>
      </c>
    </row>
    <row r="508" spans="1:5">
      <c r="A508" s="12" t="s">
        <v>9</v>
      </c>
      <c r="B508" s="12" t="s">
        <v>1074</v>
      </c>
      <c r="C508" s="171"/>
      <c r="D508" s="104"/>
      <c r="E508" s="244"/>
    </row>
    <row r="509" spans="1:5">
      <c r="A509" s="11" t="s">
        <v>365</v>
      </c>
      <c r="B509" s="11" t="s">
        <v>1270</v>
      </c>
      <c r="C509" s="172"/>
      <c r="D509" s="78"/>
      <c r="E509" s="245"/>
    </row>
    <row r="510" spans="1:5">
      <c r="A510" s="11" t="s">
        <v>366</v>
      </c>
      <c r="B510" s="11" t="s">
        <v>1271</v>
      </c>
      <c r="C510" s="172"/>
      <c r="D510" s="78"/>
      <c r="E510" s="245"/>
    </row>
    <row r="511" spans="1:5">
      <c r="A511" s="11" t="s">
        <v>367</v>
      </c>
      <c r="B511" s="11" t="s">
        <v>1263</v>
      </c>
      <c r="C511" s="172"/>
      <c r="D511" s="78"/>
      <c r="E511" s="245"/>
    </row>
    <row r="512" spans="1:5" ht="30" customHeight="1">
      <c r="A512" s="11" t="s">
        <v>368</v>
      </c>
      <c r="B512" s="11" t="s">
        <v>1272</v>
      </c>
      <c r="C512" s="172"/>
      <c r="D512" s="78"/>
      <c r="E512" s="245"/>
    </row>
    <row r="513" spans="1:6">
      <c r="A513" s="11" t="s">
        <v>465</v>
      </c>
      <c r="B513" s="11" t="s">
        <v>1263</v>
      </c>
      <c r="C513" s="172"/>
      <c r="D513" s="78"/>
      <c r="E513" s="245"/>
    </row>
    <row r="514" spans="1:6">
      <c r="A514" s="11" t="s">
        <v>820</v>
      </c>
      <c r="B514" s="11" t="s">
        <v>1273</v>
      </c>
      <c r="C514" s="172"/>
      <c r="D514" s="78"/>
      <c r="E514" s="245"/>
    </row>
    <row r="515" spans="1:6">
      <c r="A515" s="277" t="s">
        <v>491</v>
      </c>
      <c r="B515" s="80" t="s">
        <v>55</v>
      </c>
      <c r="C515" s="172"/>
      <c r="D515" s="78"/>
      <c r="E515" s="245"/>
    </row>
    <row r="516" spans="1:6">
      <c r="A516" s="277"/>
      <c r="B516" s="80" t="s">
        <v>492</v>
      </c>
      <c r="C516" s="78"/>
      <c r="D516" s="172"/>
      <c r="E516" s="245"/>
    </row>
    <row r="517" spans="1:6">
      <c r="A517" s="279" t="s">
        <v>33</v>
      </c>
      <c r="B517" s="80" t="s">
        <v>1274</v>
      </c>
      <c r="C517" s="172"/>
      <c r="D517" s="78"/>
      <c r="E517" s="245"/>
    </row>
    <row r="518" spans="1:6">
      <c r="A518" s="276"/>
      <c r="B518" s="80" t="s">
        <v>31</v>
      </c>
      <c r="C518" s="172"/>
      <c r="D518" s="78"/>
      <c r="E518" s="245"/>
    </row>
    <row r="519" spans="1:6">
      <c r="A519" s="11"/>
      <c r="B519" s="11"/>
      <c r="C519" s="78"/>
      <c r="D519" s="78"/>
      <c r="E519" s="245"/>
    </row>
    <row r="520" spans="1:6">
      <c r="A520" s="11"/>
      <c r="B520" s="11"/>
      <c r="C520" s="78"/>
      <c r="D520" s="78"/>
      <c r="E520" s="245"/>
    </row>
    <row r="521" spans="1:6">
      <c r="A521" s="15"/>
      <c r="B521" s="15"/>
      <c r="C521" s="102"/>
      <c r="D521" s="102"/>
      <c r="E521" s="246"/>
    </row>
    <row r="522" spans="1:6" s="68" customFormat="1">
      <c r="A522" s="94"/>
      <c r="B522" s="95"/>
      <c r="C522" s="146"/>
      <c r="D522" s="146"/>
      <c r="E522" s="108"/>
      <c r="F522" s="49"/>
    </row>
    <row r="523" spans="1:6" s="68" customFormat="1">
      <c r="A523" s="148" t="s">
        <v>56</v>
      </c>
      <c r="B523" s="95"/>
      <c r="C523" s="146"/>
      <c r="D523" s="146"/>
      <c r="E523" s="146"/>
      <c r="F523" s="49"/>
    </row>
    <row r="524" spans="1:6">
      <c r="A524" s="118" t="s">
        <v>369</v>
      </c>
      <c r="B524" s="118"/>
      <c r="C524" s="108"/>
      <c r="D524" s="108"/>
      <c r="E524" s="108"/>
    </row>
    <row r="525" spans="1:6" ht="13.5" customHeight="1">
      <c r="A525" s="250" t="s">
        <v>541</v>
      </c>
      <c r="B525" s="250" t="s">
        <v>214</v>
      </c>
      <c r="C525" s="247" t="s">
        <v>212</v>
      </c>
      <c r="D525" s="248"/>
      <c r="E525" s="249"/>
    </row>
    <row r="526" spans="1:6">
      <c r="A526" s="251"/>
      <c r="B526" s="251"/>
      <c r="C526" s="99" t="s">
        <v>120</v>
      </c>
      <c r="D526" s="99" t="s">
        <v>121</v>
      </c>
      <c r="E526" s="99" t="s">
        <v>215</v>
      </c>
    </row>
    <row r="527" spans="1:6">
      <c r="A527" s="12" t="s">
        <v>9</v>
      </c>
      <c r="B527" s="12" t="s">
        <v>1074</v>
      </c>
      <c r="C527" s="171"/>
      <c r="D527" s="104"/>
      <c r="E527" s="244"/>
    </row>
    <row r="528" spans="1:6">
      <c r="A528" s="11" t="s">
        <v>230</v>
      </c>
      <c r="B528" s="11" t="s">
        <v>1275</v>
      </c>
      <c r="C528" s="172"/>
      <c r="D528" s="78"/>
      <c r="E528" s="245"/>
    </row>
    <row r="529" spans="1:5">
      <c r="A529" s="11" t="s">
        <v>467</v>
      </c>
      <c r="B529" s="11" t="s">
        <v>1263</v>
      </c>
      <c r="C529" s="172"/>
      <c r="D529" s="78"/>
      <c r="E529" s="245"/>
    </row>
    <row r="530" spans="1:5">
      <c r="A530" s="11" t="s">
        <v>370</v>
      </c>
      <c r="B530" s="11" t="s">
        <v>1276</v>
      </c>
      <c r="C530" s="172"/>
      <c r="D530" s="78"/>
      <c r="E530" s="245"/>
    </row>
    <row r="531" spans="1:5">
      <c r="A531" s="11"/>
      <c r="B531" s="11"/>
      <c r="C531" s="78"/>
      <c r="D531" s="78"/>
      <c r="E531" s="245"/>
    </row>
    <row r="532" spans="1:5">
      <c r="A532" s="11"/>
      <c r="B532" s="11"/>
      <c r="C532" s="78"/>
      <c r="D532" s="78"/>
      <c r="E532" s="245"/>
    </row>
    <row r="533" spans="1:5">
      <c r="A533" s="15"/>
      <c r="B533" s="15"/>
      <c r="C533" s="102"/>
      <c r="D533" s="102"/>
      <c r="E533" s="246"/>
    </row>
    <row r="534" spans="1:5">
      <c r="A534" s="18"/>
      <c r="B534" s="18"/>
      <c r="C534" s="103"/>
      <c r="D534" s="181"/>
      <c r="E534" s="181"/>
    </row>
    <row r="535" spans="1:5">
      <c r="A535" s="118" t="s">
        <v>372</v>
      </c>
      <c r="B535" s="118"/>
      <c r="C535" s="119"/>
      <c r="D535" s="119"/>
      <c r="E535" s="119"/>
    </row>
    <row r="536" spans="1:5" ht="13.5" customHeight="1">
      <c r="A536" s="250" t="s">
        <v>541</v>
      </c>
      <c r="B536" s="250" t="s">
        <v>214</v>
      </c>
      <c r="C536" s="247" t="s">
        <v>212</v>
      </c>
      <c r="D536" s="248"/>
      <c r="E536" s="249"/>
    </row>
    <row r="537" spans="1:5">
      <c r="A537" s="251"/>
      <c r="B537" s="251"/>
      <c r="C537" s="99" t="s">
        <v>120</v>
      </c>
      <c r="D537" s="99" t="s">
        <v>121</v>
      </c>
      <c r="E537" s="99" t="s">
        <v>215</v>
      </c>
    </row>
    <row r="538" spans="1:5">
      <c r="A538" s="12" t="s">
        <v>9</v>
      </c>
      <c r="B538" s="12" t="s">
        <v>1074</v>
      </c>
      <c r="C538" s="171"/>
      <c r="D538" s="104"/>
      <c r="E538" s="244"/>
    </row>
    <row r="539" spans="1:5">
      <c r="A539" s="11" t="s">
        <v>230</v>
      </c>
      <c r="B539" s="11" t="s">
        <v>1277</v>
      </c>
      <c r="C539" s="172"/>
      <c r="D539" s="78"/>
      <c r="E539" s="245"/>
    </row>
    <row r="540" spans="1:5">
      <c r="A540" s="11" t="s">
        <v>373</v>
      </c>
      <c r="B540" s="11" t="s">
        <v>1275</v>
      </c>
      <c r="C540" s="172"/>
      <c r="D540" s="78"/>
      <c r="E540" s="245"/>
    </row>
    <row r="541" spans="1:5">
      <c r="A541" s="11" t="s">
        <v>885</v>
      </c>
      <c r="B541" s="11" t="s">
        <v>886</v>
      </c>
      <c r="C541" s="172"/>
      <c r="D541" s="78"/>
      <c r="E541" s="245"/>
    </row>
    <row r="542" spans="1:5">
      <c r="A542" s="11" t="s">
        <v>374</v>
      </c>
      <c r="B542" s="11" t="s">
        <v>1263</v>
      </c>
      <c r="C542" s="172"/>
      <c r="D542" s="78"/>
      <c r="E542" s="245"/>
    </row>
    <row r="543" spans="1:5">
      <c r="A543" s="11" t="s">
        <v>375</v>
      </c>
      <c r="B543" s="11" t="s">
        <v>1278</v>
      </c>
      <c r="C543" s="172"/>
      <c r="D543" s="78"/>
      <c r="E543" s="245"/>
    </row>
    <row r="544" spans="1:5">
      <c r="A544" s="11" t="s">
        <v>468</v>
      </c>
      <c r="B544" s="11" t="s">
        <v>1279</v>
      </c>
      <c r="C544" s="172"/>
      <c r="D544" s="78"/>
      <c r="E544" s="245"/>
    </row>
    <row r="545" spans="1:5">
      <c r="A545" s="11"/>
      <c r="B545" s="11"/>
      <c r="C545" s="78"/>
      <c r="D545" s="78"/>
      <c r="E545" s="245"/>
    </row>
    <row r="546" spans="1:5">
      <c r="A546" s="11"/>
      <c r="B546" s="11"/>
      <c r="C546" s="78"/>
      <c r="D546" s="78"/>
      <c r="E546" s="245"/>
    </row>
    <row r="547" spans="1:5">
      <c r="A547" s="15"/>
      <c r="B547" s="15"/>
      <c r="C547" s="102"/>
      <c r="D547" s="102"/>
      <c r="E547" s="246"/>
    </row>
    <row r="548" spans="1:5">
      <c r="A548" s="13"/>
      <c r="B548" s="14"/>
      <c r="C548" s="108"/>
      <c r="D548" s="108"/>
      <c r="E548" s="108" t="s">
        <v>555</v>
      </c>
    </row>
    <row r="549" spans="1:5">
      <c r="A549" s="115" t="s">
        <v>558</v>
      </c>
      <c r="B549" s="115"/>
      <c r="C549" s="108"/>
      <c r="D549" s="108"/>
      <c r="E549" s="108"/>
    </row>
    <row r="550" spans="1:5">
      <c r="A550" s="118" t="s">
        <v>205</v>
      </c>
      <c r="B550" s="118"/>
      <c r="C550" s="108"/>
      <c r="D550" s="108"/>
      <c r="E550" s="108"/>
    </row>
    <row r="551" spans="1:5" ht="13.5" customHeight="1">
      <c r="A551" s="250" t="s">
        <v>541</v>
      </c>
      <c r="B551" s="250" t="s">
        <v>214</v>
      </c>
      <c r="C551" s="247" t="s">
        <v>212</v>
      </c>
      <c r="D551" s="248"/>
      <c r="E551" s="249"/>
    </row>
    <row r="552" spans="1:5">
      <c r="A552" s="251"/>
      <c r="B552" s="251"/>
      <c r="C552" s="99" t="s">
        <v>120</v>
      </c>
      <c r="D552" s="99" t="s">
        <v>121</v>
      </c>
      <c r="E552" s="99" t="s">
        <v>215</v>
      </c>
    </row>
    <row r="553" spans="1:5">
      <c r="A553" s="12" t="s">
        <v>9</v>
      </c>
      <c r="B553" s="12" t="s">
        <v>1074</v>
      </c>
      <c r="C553" s="171"/>
      <c r="D553" s="104"/>
      <c r="E553" s="244"/>
    </row>
    <row r="554" spans="1:5">
      <c r="A554" s="11" t="s">
        <v>285</v>
      </c>
      <c r="B554" s="11" t="s">
        <v>1280</v>
      </c>
      <c r="C554" s="172"/>
      <c r="D554" s="78"/>
      <c r="E554" s="245"/>
    </row>
    <row r="555" spans="1:5">
      <c r="A555" s="11" t="s">
        <v>14</v>
      </c>
      <c r="B555" s="11" t="s">
        <v>1281</v>
      </c>
      <c r="C555" s="172"/>
      <c r="D555" s="78"/>
      <c r="E555" s="245"/>
    </row>
    <row r="556" spans="1:5">
      <c r="A556" s="11" t="s">
        <v>15</v>
      </c>
      <c r="B556" s="11" t="s">
        <v>1282</v>
      </c>
      <c r="C556" s="172"/>
      <c r="D556" s="78"/>
      <c r="E556" s="245"/>
    </row>
    <row r="557" spans="1:5">
      <c r="A557" s="11" t="s">
        <v>286</v>
      </c>
      <c r="B557" s="11" t="s">
        <v>1283</v>
      </c>
      <c r="C557" s="172"/>
      <c r="D557" s="78"/>
      <c r="E557" s="245"/>
    </row>
    <row r="558" spans="1:5">
      <c r="A558" s="11" t="s">
        <v>287</v>
      </c>
      <c r="B558" s="11" t="s">
        <v>1284</v>
      </c>
      <c r="C558" s="172"/>
      <c r="D558" s="78"/>
      <c r="E558" s="245"/>
    </row>
    <row r="559" spans="1:5">
      <c r="A559" s="259" t="s">
        <v>284</v>
      </c>
      <c r="B559" s="11" t="s">
        <v>1285</v>
      </c>
      <c r="C559" s="172"/>
      <c r="D559" s="78"/>
      <c r="E559" s="245"/>
    </row>
    <row r="560" spans="1:5">
      <c r="A560" s="261"/>
      <c r="B560" s="11" t="s">
        <v>57</v>
      </c>
      <c r="C560" s="157"/>
      <c r="D560" s="78"/>
      <c r="E560" s="245"/>
    </row>
    <row r="561" spans="1:6">
      <c r="A561" s="259" t="s">
        <v>288</v>
      </c>
      <c r="B561" s="11" t="s">
        <v>1286</v>
      </c>
      <c r="C561" s="172"/>
      <c r="D561" s="78"/>
      <c r="E561" s="245"/>
    </row>
    <row r="562" spans="1:6">
      <c r="A562" s="261"/>
      <c r="B562" s="11" t="s">
        <v>58</v>
      </c>
      <c r="C562" s="172"/>
      <c r="D562" s="78"/>
      <c r="E562" s="245"/>
    </row>
    <row r="563" spans="1:6">
      <c r="A563" s="11" t="s">
        <v>419</v>
      </c>
      <c r="B563" s="11" t="s">
        <v>420</v>
      </c>
      <c r="C563" s="172"/>
      <c r="D563" s="78"/>
      <c r="E563" s="245"/>
    </row>
    <row r="564" spans="1:6">
      <c r="A564" s="11"/>
      <c r="B564" s="11"/>
      <c r="C564" s="78"/>
      <c r="D564" s="78"/>
      <c r="E564" s="245"/>
    </row>
    <row r="565" spans="1:6">
      <c r="A565" s="11"/>
      <c r="B565" s="11"/>
      <c r="C565" s="78"/>
      <c r="D565" s="78"/>
      <c r="E565" s="245"/>
    </row>
    <row r="566" spans="1:6">
      <c r="A566" s="15"/>
      <c r="B566" s="15"/>
      <c r="C566" s="102"/>
      <c r="D566" s="102"/>
      <c r="E566" s="246"/>
    </row>
    <row r="567" spans="1:6" s="68" customFormat="1">
      <c r="A567" s="94"/>
      <c r="B567" s="95"/>
      <c r="C567" s="146"/>
      <c r="D567" s="146"/>
      <c r="E567" s="146"/>
      <c r="F567" s="49"/>
    </row>
    <row r="568" spans="1:6">
      <c r="A568" s="118" t="s">
        <v>323</v>
      </c>
      <c r="B568" s="118"/>
      <c r="C568" s="108"/>
      <c r="D568" s="108"/>
      <c r="E568" s="108"/>
    </row>
    <row r="569" spans="1:6" ht="13.5" customHeight="1">
      <c r="A569" s="250" t="s">
        <v>541</v>
      </c>
      <c r="B569" s="250" t="s">
        <v>214</v>
      </c>
      <c r="C569" s="247" t="s">
        <v>212</v>
      </c>
      <c r="D569" s="248"/>
      <c r="E569" s="249"/>
    </row>
    <row r="570" spans="1:6">
      <c r="A570" s="251"/>
      <c r="B570" s="251"/>
      <c r="C570" s="99" t="s">
        <v>120</v>
      </c>
      <c r="D570" s="99" t="s">
        <v>121</v>
      </c>
      <c r="E570" s="99" t="s">
        <v>215</v>
      </c>
    </row>
    <row r="571" spans="1:6">
      <c r="A571" s="12" t="s">
        <v>9</v>
      </c>
      <c r="B571" s="12" t="s">
        <v>1074</v>
      </c>
      <c r="C571" s="171"/>
      <c r="D571" s="104"/>
      <c r="E571" s="244"/>
    </row>
    <row r="572" spans="1:6">
      <c r="A572" s="11" t="s">
        <v>324</v>
      </c>
      <c r="B572" s="11" t="s">
        <v>1287</v>
      </c>
      <c r="C572" s="172"/>
      <c r="D572" s="78"/>
      <c r="E572" s="245"/>
    </row>
    <row r="573" spans="1:6">
      <c r="A573" s="11" t="s">
        <v>325</v>
      </c>
      <c r="B573" s="80" t="s">
        <v>1288</v>
      </c>
      <c r="C573" s="172"/>
      <c r="D573" s="78"/>
      <c r="E573" s="245"/>
    </row>
    <row r="574" spans="1:6">
      <c r="A574" s="11" t="s">
        <v>59</v>
      </c>
      <c r="B574" s="80" t="s">
        <v>35</v>
      </c>
      <c r="C574" s="172"/>
      <c r="D574" s="78"/>
      <c r="E574" s="245"/>
    </row>
    <row r="575" spans="1:6">
      <c r="A575" s="11"/>
      <c r="B575" s="80"/>
      <c r="C575" s="78"/>
      <c r="D575" s="78"/>
      <c r="E575" s="245"/>
    </row>
    <row r="576" spans="1:6">
      <c r="A576" s="11"/>
      <c r="B576" s="80"/>
      <c r="C576" s="78"/>
      <c r="D576" s="78"/>
      <c r="E576" s="245"/>
    </row>
    <row r="577" spans="1:6">
      <c r="A577" s="15"/>
      <c r="B577" s="15"/>
      <c r="C577" s="102"/>
      <c r="D577" s="102"/>
      <c r="E577" s="246"/>
    </row>
    <row r="578" spans="1:6">
      <c r="A578" s="13"/>
      <c r="B578" s="14"/>
      <c r="C578" s="108"/>
      <c r="D578" s="108"/>
      <c r="E578" s="108"/>
    </row>
    <row r="579" spans="1:6">
      <c r="A579" s="118" t="s">
        <v>332</v>
      </c>
      <c r="B579" s="118"/>
      <c r="C579" s="108"/>
      <c r="D579" s="108"/>
      <c r="E579" s="108"/>
    </row>
    <row r="580" spans="1:6" ht="13.5" customHeight="1">
      <c r="A580" s="250" t="s">
        <v>541</v>
      </c>
      <c r="B580" s="250" t="s">
        <v>214</v>
      </c>
      <c r="C580" s="247" t="s">
        <v>212</v>
      </c>
      <c r="D580" s="248"/>
      <c r="E580" s="249"/>
    </row>
    <row r="581" spans="1:6">
      <c r="A581" s="251"/>
      <c r="B581" s="251"/>
      <c r="C581" s="99" t="s">
        <v>120</v>
      </c>
      <c r="D581" s="99" t="s">
        <v>121</v>
      </c>
      <c r="E581" s="99" t="s">
        <v>215</v>
      </c>
    </row>
    <row r="582" spans="1:6">
      <c r="A582" s="188" t="s">
        <v>9</v>
      </c>
      <c r="B582" s="12" t="s">
        <v>1074</v>
      </c>
      <c r="C582" s="171"/>
      <c r="D582" s="104"/>
      <c r="E582" s="244"/>
    </row>
    <row r="583" spans="1:6">
      <c r="A583" s="189" t="s">
        <v>13</v>
      </c>
      <c r="B583" s="189" t="s">
        <v>1289</v>
      </c>
      <c r="C583" s="172"/>
      <c r="D583" s="78"/>
      <c r="E583" s="245"/>
    </row>
    <row r="584" spans="1:6">
      <c r="A584" s="189" t="s">
        <v>289</v>
      </c>
      <c r="B584" s="189" t="s">
        <v>1290</v>
      </c>
      <c r="C584" s="172"/>
      <c r="D584" s="78"/>
      <c r="E584" s="245"/>
    </row>
    <row r="585" spans="1:6">
      <c r="A585" s="189"/>
      <c r="B585" s="189"/>
      <c r="C585" s="78"/>
      <c r="D585" s="78"/>
      <c r="E585" s="245"/>
    </row>
    <row r="586" spans="1:6">
      <c r="A586" s="189"/>
      <c r="B586" s="189"/>
      <c r="C586" s="78"/>
      <c r="D586" s="78"/>
      <c r="E586" s="245"/>
    </row>
    <row r="587" spans="1:6">
      <c r="A587" s="190"/>
      <c r="B587" s="190"/>
      <c r="C587" s="102"/>
      <c r="D587" s="102"/>
      <c r="E587" s="246"/>
    </row>
    <row r="588" spans="1:6" s="68" customFormat="1">
      <c r="A588" s="94"/>
      <c r="B588" s="95"/>
      <c r="C588" s="146"/>
      <c r="D588" s="146"/>
      <c r="E588" s="146" t="s">
        <v>555</v>
      </c>
      <c r="F588" s="49"/>
    </row>
    <row r="589" spans="1:6">
      <c r="A589" s="115" t="s">
        <v>559</v>
      </c>
      <c r="B589" s="115"/>
      <c r="C589" s="108"/>
      <c r="D589" s="108"/>
      <c r="E589" s="108"/>
    </row>
    <row r="590" spans="1:6">
      <c r="A590" s="118" t="s">
        <v>333</v>
      </c>
      <c r="B590" s="118"/>
      <c r="C590" s="108"/>
      <c r="D590" s="108"/>
      <c r="E590" s="108"/>
    </row>
    <row r="591" spans="1:6" ht="13.5" customHeight="1">
      <c r="A591" s="250" t="s">
        <v>541</v>
      </c>
      <c r="B591" s="250" t="s">
        <v>214</v>
      </c>
      <c r="C591" s="247" t="s">
        <v>212</v>
      </c>
      <c r="D591" s="248"/>
      <c r="E591" s="249"/>
    </row>
    <row r="592" spans="1:6">
      <c r="A592" s="251"/>
      <c r="B592" s="251"/>
      <c r="C592" s="99" t="s">
        <v>120</v>
      </c>
      <c r="D592" s="99" t="s">
        <v>121</v>
      </c>
      <c r="E592" s="99" t="s">
        <v>215</v>
      </c>
    </row>
    <row r="593" spans="1:5">
      <c r="A593" s="12" t="s">
        <v>9</v>
      </c>
      <c r="B593" s="12" t="s">
        <v>1074</v>
      </c>
      <c r="C593" s="171"/>
      <c r="D593" s="104"/>
      <c r="E593" s="244"/>
    </row>
    <row r="594" spans="1:5">
      <c r="A594" s="11" t="s">
        <v>821</v>
      </c>
      <c r="B594" s="11" t="s">
        <v>1291</v>
      </c>
      <c r="C594" s="172"/>
      <c r="D594" s="78"/>
      <c r="E594" s="245"/>
    </row>
    <row r="595" spans="1:5">
      <c r="A595" s="11"/>
      <c r="B595" s="11"/>
      <c r="C595" s="78"/>
      <c r="D595" s="78"/>
      <c r="E595" s="245"/>
    </row>
    <row r="596" spans="1:5">
      <c r="A596" s="15"/>
      <c r="B596" s="15"/>
      <c r="C596" s="102"/>
      <c r="D596" s="102"/>
      <c r="E596" s="246"/>
    </row>
    <row r="597" spans="1:5">
      <c r="A597" s="13"/>
      <c r="B597" s="14"/>
      <c r="C597" s="108"/>
      <c r="D597" s="108"/>
      <c r="E597" s="108"/>
    </row>
    <row r="598" spans="1:5">
      <c r="A598" s="118" t="s">
        <v>335</v>
      </c>
      <c r="B598" s="118"/>
      <c r="C598" s="108"/>
      <c r="D598" s="108"/>
      <c r="E598" s="108"/>
    </row>
    <row r="599" spans="1:5" ht="13.5" customHeight="1">
      <c r="A599" s="250" t="s">
        <v>541</v>
      </c>
      <c r="B599" s="250" t="s">
        <v>214</v>
      </c>
      <c r="C599" s="247" t="s">
        <v>212</v>
      </c>
      <c r="D599" s="248"/>
      <c r="E599" s="249"/>
    </row>
    <row r="600" spans="1:5">
      <c r="A600" s="251"/>
      <c r="B600" s="251"/>
      <c r="C600" s="99" t="s">
        <v>120</v>
      </c>
      <c r="D600" s="99" t="s">
        <v>121</v>
      </c>
      <c r="E600" s="99" t="s">
        <v>215</v>
      </c>
    </row>
    <row r="601" spans="1:5">
      <c r="A601" s="12" t="s">
        <v>9</v>
      </c>
      <c r="B601" s="12" t="s">
        <v>1074</v>
      </c>
      <c r="C601" s="171"/>
      <c r="D601" s="104"/>
      <c r="E601" s="244"/>
    </row>
    <row r="602" spans="1:5">
      <c r="A602" s="11" t="s">
        <v>336</v>
      </c>
      <c r="B602" s="11" t="s">
        <v>1292</v>
      </c>
      <c r="C602" s="172"/>
      <c r="D602" s="78"/>
      <c r="E602" s="245"/>
    </row>
    <row r="603" spans="1:5">
      <c r="A603" s="11" t="s">
        <v>337</v>
      </c>
      <c r="B603" s="11" t="s">
        <v>1293</v>
      </c>
      <c r="C603" s="172"/>
      <c r="D603" s="78"/>
      <c r="E603" s="245"/>
    </row>
    <row r="604" spans="1:5">
      <c r="A604" s="11" t="s">
        <v>338</v>
      </c>
      <c r="B604" s="11" t="s">
        <v>1294</v>
      </c>
      <c r="C604" s="172"/>
      <c r="D604" s="78"/>
      <c r="E604" s="245"/>
    </row>
    <row r="605" spans="1:5">
      <c r="A605" s="11" t="s">
        <v>339</v>
      </c>
      <c r="B605" s="11" t="s">
        <v>1295</v>
      </c>
      <c r="C605" s="172"/>
      <c r="D605" s="78"/>
      <c r="E605" s="245"/>
    </row>
    <row r="606" spans="1:5">
      <c r="A606" s="11"/>
      <c r="B606" s="11"/>
      <c r="C606" s="78"/>
      <c r="D606" s="78"/>
      <c r="E606" s="245"/>
    </row>
    <row r="607" spans="1:5">
      <c r="A607" s="15"/>
      <c r="B607" s="15"/>
      <c r="C607" s="102"/>
      <c r="D607" s="102"/>
      <c r="E607" s="246"/>
    </row>
    <row r="608" spans="1:5">
      <c r="A608" s="13"/>
      <c r="B608" s="14"/>
      <c r="C608" s="108"/>
      <c r="D608" s="108"/>
      <c r="E608" s="108"/>
    </row>
    <row r="609" spans="1:5">
      <c r="A609" s="118" t="s">
        <v>342</v>
      </c>
      <c r="B609" s="118"/>
      <c r="C609" s="108"/>
      <c r="D609" s="108"/>
      <c r="E609" s="108"/>
    </row>
    <row r="610" spans="1:5" ht="13.5" customHeight="1">
      <c r="A610" s="250" t="s">
        <v>541</v>
      </c>
      <c r="B610" s="250" t="s">
        <v>214</v>
      </c>
      <c r="C610" s="247" t="s">
        <v>212</v>
      </c>
      <c r="D610" s="248"/>
      <c r="E610" s="249"/>
    </row>
    <row r="611" spans="1:5">
      <c r="A611" s="251"/>
      <c r="B611" s="251"/>
      <c r="C611" s="99" t="s">
        <v>120</v>
      </c>
      <c r="D611" s="99" t="s">
        <v>121</v>
      </c>
      <c r="E611" s="99" t="s">
        <v>215</v>
      </c>
    </row>
    <row r="612" spans="1:5">
      <c r="A612" s="12" t="s">
        <v>9</v>
      </c>
      <c r="B612" s="12" t="s">
        <v>1074</v>
      </c>
      <c r="C612" s="171"/>
      <c r="D612" s="104"/>
      <c r="E612" s="244"/>
    </row>
    <row r="613" spans="1:5">
      <c r="A613" s="11" t="s">
        <v>336</v>
      </c>
      <c r="B613" s="11" t="s">
        <v>1292</v>
      </c>
      <c r="C613" s="172"/>
      <c r="D613" s="78"/>
      <c r="E613" s="245"/>
    </row>
    <row r="614" spans="1:5">
      <c r="A614" s="11" t="s">
        <v>337</v>
      </c>
      <c r="B614" s="11" t="s">
        <v>1293</v>
      </c>
      <c r="C614" s="172"/>
      <c r="D614" s="78"/>
      <c r="E614" s="245"/>
    </row>
    <row r="615" spans="1:5">
      <c r="A615" s="11" t="s">
        <v>338</v>
      </c>
      <c r="B615" s="11" t="s">
        <v>1294</v>
      </c>
      <c r="C615" s="172"/>
      <c r="D615" s="78"/>
      <c r="E615" s="245"/>
    </row>
    <row r="616" spans="1:5">
      <c r="A616" s="11" t="s">
        <v>343</v>
      </c>
      <c r="B616" s="11" t="s">
        <v>1296</v>
      </c>
      <c r="C616" s="172"/>
      <c r="D616" s="78"/>
      <c r="E616" s="245"/>
    </row>
    <row r="617" spans="1:5">
      <c r="A617" s="11" t="s">
        <v>339</v>
      </c>
      <c r="B617" s="11" t="s">
        <v>1295</v>
      </c>
      <c r="C617" s="172"/>
      <c r="D617" s="78"/>
      <c r="E617" s="245"/>
    </row>
    <row r="618" spans="1:5">
      <c r="A618" s="11"/>
      <c r="B618" s="11"/>
      <c r="C618" s="78"/>
      <c r="D618" s="78"/>
      <c r="E618" s="245"/>
    </row>
    <row r="619" spans="1:5">
      <c r="A619" s="11"/>
      <c r="B619" s="11"/>
      <c r="C619" s="78"/>
      <c r="D619" s="78"/>
      <c r="E619" s="245"/>
    </row>
    <row r="620" spans="1:5">
      <c r="A620" s="15"/>
      <c r="B620" s="15"/>
      <c r="C620" s="102"/>
      <c r="D620" s="102"/>
      <c r="E620" s="246"/>
    </row>
    <row r="621" spans="1:5">
      <c r="A621" s="13"/>
      <c r="B621" s="14"/>
      <c r="C621" s="108"/>
      <c r="D621" s="108"/>
      <c r="E621" s="108"/>
    </row>
    <row r="622" spans="1:5">
      <c r="A622" s="13"/>
      <c r="B622" s="14"/>
      <c r="C622" s="108"/>
      <c r="D622" s="108"/>
      <c r="E622" s="108" t="s">
        <v>555</v>
      </c>
    </row>
    <row r="623" spans="1:5">
      <c r="A623" s="13" t="s">
        <v>594</v>
      </c>
      <c r="B623" s="14"/>
      <c r="C623" s="108"/>
      <c r="D623" s="108"/>
      <c r="E623" s="108"/>
    </row>
    <row r="624" spans="1:5">
      <c r="A624" s="13" t="s">
        <v>595</v>
      </c>
      <c r="B624" s="14"/>
      <c r="C624" s="108"/>
      <c r="D624" s="108"/>
      <c r="E624" s="108"/>
    </row>
    <row r="625" spans="1:5">
      <c r="A625" s="13" t="s">
        <v>64</v>
      </c>
      <c r="B625" s="14"/>
      <c r="C625" s="108"/>
      <c r="D625" s="108"/>
      <c r="E625" s="108"/>
    </row>
    <row r="626" spans="1:5" ht="13.5" customHeight="1">
      <c r="A626" s="250" t="s">
        <v>541</v>
      </c>
      <c r="B626" s="250" t="s">
        <v>214</v>
      </c>
      <c r="C626" s="247" t="s">
        <v>212</v>
      </c>
      <c r="D626" s="248"/>
      <c r="E626" s="249"/>
    </row>
    <row r="627" spans="1:5">
      <c r="A627" s="251"/>
      <c r="B627" s="251"/>
      <c r="C627" s="99" t="s">
        <v>120</v>
      </c>
      <c r="D627" s="99" t="s">
        <v>121</v>
      </c>
      <c r="E627" s="99" t="s">
        <v>215</v>
      </c>
    </row>
    <row r="628" spans="1:5">
      <c r="A628" s="262" t="s">
        <v>572</v>
      </c>
      <c r="B628" s="12" t="s">
        <v>1074</v>
      </c>
      <c r="C628" s="171"/>
      <c r="D628" s="104"/>
      <c r="E628" s="244"/>
    </row>
    <row r="629" spans="1:5">
      <c r="A629" s="261"/>
      <c r="B629" s="11" t="s">
        <v>1297</v>
      </c>
      <c r="C629" s="157"/>
      <c r="D629" s="78"/>
      <c r="E629" s="245"/>
    </row>
    <row r="630" spans="1:5">
      <c r="A630" s="11" t="s">
        <v>1298</v>
      </c>
      <c r="B630" s="11" t="s">
        <v>1299</v>
      </c>
      <c r="C630" s="172"/>
      <c r="D630" s="78"/>
      <c r="E630" s="245"/>
    </row>
    <row r="631" spans="1:5">
      <c r="A631" s="11" t="s">
        <v>62</v>
      </c>
      <c r="B631" s="11" t="s">
        <v>1300</v>
      </c>
      <c r="C631" s="172"/>
      <c r="D631" s="78"/>
      <c r="E631" s="245"/>
    </row>
    <row r="632" spans="1:5">
      <c r="A632" s="259" t="s">
        <v>291</v>
      </c>
      <c r="B632" s="11" t="s">
        <v>1301</v>
      </c>
      <c r="C632" s="172"/>
      <c r="D632" s="78"/>
      <c r="E632" s="245"/>
    </row>
    <row r="633" spans="1:5">
      <c r="A633" s="261"/>
      <c r="B633" s="11" t="s">
        <v>1302</v>
      </c>
      <c r="C633" s="172"/>
      <c r="D633" s="78"/>
      <c r="E633" s="245"/>
    </row>
    <row r="634" spans="1:5">
      <c r="A634" s="11" t="s">
        <v>292</v>
      </c>
      <c r="B634" s="11" t="s">
        <v>1303</v>
      </c>
      <c r="C634" s="172"/>
      <c r="D634" s="78"/>
      <c r="E634" s="245"/>
    </row>
    <row r="635" spans="1:5">
      <c r="A635" s="11" t="s">
        <v>568</v>
      </c>
      <c r="B635" s="11" t="s">
        <v>1304</v>
      </c>
      <c r="C635" s="172"/>
      <c r="D635" s="78"/>
      <c r="E635" s="245"/>
    </row>
    <row r="636" spans="1:5">
      <c r="A636" s="259" t="s">
        <v>194</v>
      </c>
      <c r="B636" s="11" t="s">
        <v>77</v>
      </c>
      <c r="C636" s="172"/>
      <c r="D636" s="78"/>
      <c r="E636" s="245"/>
    </row>
    <row r="637" spans="1:5">
      <c r="A637" s="261"/>
      <c r="B637" s="11" t="s">
        <v>397</v>
      </c>
      <c r="C637" s="172"/>
      <c r="D637" s="78"/>
      <c r="E637" s="245"/>
    </row>
    <row r="638" spans="1:5">
      <c r="A638" s="11"/>
      <c r="B638" s="11"/>
      <c r="C638" s="78"/>
      <c r="D638" s="78"/>
      <c r="E638" s="245"/>
    </row>
    <row r="639" spans="1:5">
      <c r="A639" s="11"/>
      <c r="B639" s="11"/>
      <c r="C639" s="78"/>
      <c r="D639" s="78"/>
      <c r="E639" s="245"/>
    </row>
    <row r="640" spans="1:5">
      <c r="A640" s="15"/>
      <c r="B640" s="15"/>
      <c r="C640" s="102"/>
      <c r="D640" s="102"/>
      <c r="E640" s="246"/>
    </row>
    <row r="641" spans="1:6" s="68" customFormat="1">
      <c r="A641" s="191"/>
      <c r="B641" s="180"/>
      <c r="C641" s="192"/>
      <c r="D641" s="192"/>
      <c r="E641" s="192"/>
      <c r="F641" s="49"/>
    </row>
    <row r="642" spans="1:6" s="68" customFormat="1">
      <c r="A642" s="193" t="s">
        <v>65</v>
      </c>
      <c r="B642" s="194"/>
      <c r="C642" s="195"/>
      <c r="D642" s="195"/>
      <c r="E642" s="195"/>
      <c r="F642" s="49"/>
    </row>
    <row r="643" spans="1:6" ht="13.5" customHeight="1">
      <c r="A643" s="250" t="s">
        <v>541</v>
      </c>
      <c r="B643" s="250" t="s">
        <v>214</v>
      </c>
      <c r="C643" s="247" t="s">
        <v>212</v>
      </c>
      <c r="D643" s="248"/>
      <c r="E643" s="249"/>
    </row>
    <row r="644" spans="1:6">
      <c r="A644" s="251"/>
      <c r="B644" s="251"/>
      <c r="C644" s="99" t="s">
        <v>120</v>
      </c>
      <c r="D644" s="99" t="s">
        <v>121</v>
      </c>
      <c r="E644" s="99" t="s">
        <v>215</v>
      </c>
    </row>
    <row r="645" spans="1:6" s="68" customFormat="1">
      <c r="A645" s="42" t="s">
        <v>12</v>
      </c>
      <c r="B645" s="196" t="s">
        <v>1305</v>
      </c>
      <c r="C645" s="171"/>
      <c r="D645" s="104"/>
      <c r="E645" s="244"/>
      <c r="F645" s="49"/>
    </row>
    <row r="646" spans="1:6" s="96" customFormat="1">
      <c r="A646" s="277" t="s">
        <v>67</v>
      </c>
      <c r="B646" s="80" t="s">
        <v>1274</v>
      </c>
      <c r="C646" s="197"/>
      <c r="D646" s="78"/>
      <c r="E646" s="245"/>
      <c r="F646" s="49"/>
    </row>
    <row r="647" spans="1:6" s="121" customFormat="1">
      <c r="A647" s="277"/>
      <c r="B647" s="80" t="s">
        <v>1306</v>
      </c>
      <c r="C647" s="172"/>
      <c r="D647" s="78"/>
      <c r="E647" s="245"/>
      <c r="F647" s="49"/>
    </row>
    <row r="648" spans="1:6" s="121" customFormat="1">
      <c r="A648" s="254" t="s">
        <v>194</v>
      </c>
      <c r="B648" s="11" t="s">
        <v>77</v>
      </c>
      <c r="C648" s="187"/>
      <c r="D648" s="78"/>
      <c r="E648" s="245"/>
      <c r="F648" s="49"/>
    </row>
    <row r="649" spans="1:6" s="68" customFormat="1">
      <c r="A649" s="254"/>
      <c r="B649" s="11" t="s">
        <v>397</v>
      </c>
      <c r="C649" s="172"/>
      <c r="D649" s="78"/>
      <c r="E649" s="245"/>
      <c r="F649" s="49"/>
    </row>
    <row r="650" spans="1:6" s="68" customFormat="1">
      <c r="A650" s="79"/>
      <c r="B650" s="80"/>
      <c r="C650" s="78"/>
      <c r="D650" s="78"/>
      <c r="E650" s="245"/>
      <c r="F650" s="49"/>
    </row>
    <row r="651" spans="1:6" s="68" customFormat="1">
      <c r="A651" s="79"/>
      <c r="B651" s="80"/>
      <c r="C651" s="78"/>
      <c r="D651" s="78"/>
      <c r="E651" s="245"/>
      <c r="F651" s="49"/>
    </row>
    <row r="652" spans="1:6">
      <c r="A652" s="15"/>
      <c r="B652" s="15"/>
      <c r="C652" s="102"/>
      <c r="D652" s="102"/>
      <c r="E652" s="246"/>
    </row>
    <row r="653" spans="1:6">
      <c r="A653" s="13"/>
      <c r="B653" s="14"/>
      <c r="C653" s="108"/>
      <c r="D653" s="108"/>
      <c r="E653" s="108"/>
    </row>
    <row r="654" spans="1:6">
      <c r="A654" s="13" t="s">
        <v>596</v>
      </c>
      <c r="B654" s="14"/>
      <c r="C654" s="108"/>
      <c r="D654" s="108"/>
      <c r="E654" s="108"/>
    </row>
    <row r="655" spans="1:6" ht="13.5" customHeight="1">
      <c r="A655" s="250" t="s">
        <v>541</v>
      </c>
      <c r="B655" s="250" t="s">
        <v>214</v>
      </c>
      <c r="C655" s="247" t="s">
        <v>212</v>
      </c>
      <c r="D655" s="248"/>
      <c r="E655" s="249"/>
    </row>
    <row r="656" spans="1:6">
      <c r="A656" s="251"/>
      <c r="B656" s="251"/>
      <c r="C656" s="99" t="s">
        <v>120</v>
      </c>
      <c r="D656" s="99" t="s">
        <v>121</v>
      </c>
      <c r="E656" s="99" t="s">
        <v>215</v>
      </c>
    </row>
    <row r="657" spans="1:5">
      <c r="A657" s="264" t="s">
        <v>572</v>
      </c>
      <c r="B657" s="12" t="s">
        <v>1074</v>
      </c>
      <c r="C657" s="171"/>
      <c r="D657" s="104"/>
      <c r="E657" s="244"/>
    </row>
    <row r="658" spans="1:5">
      <c r="A658" s="254"/>
      <c r="B658" s="11" t="s">
        <v>1297</v>
      </c>
      <c r="C658" s="157"/>
      <c r="D658" s="78"/>
      <c r="E658" s="245"/>
    </row>
    <row r="659" spans="1:5">
      <c r="A659" s="11" t="s">
        <v>1298</v>
      </c>
      <c r="B659" s="11" t="s">
        <v>1299</v>
      </c>
      <c r="C659" s="172"/>
      <c r="D659" s="78"/>
      <c r="E659" s="245"/>
    </row>
    <row r="660" spans="1:5">
      <c r="A660" s="11" t="s">
        <v>62</v>
      </c>
      <c r="B660" s="11" t="s">
        <v>1300</v>
      </c>
      <c r="C660" s="172"/>
      <c r="D660" s="78"/>
      <c r="E660" s="245"/>
    </row>
    <row r="661" spans="1:5">
      <c r="A661" s="254" t="s">
        <v>291</v>
      </c>
      <c r="B661" s="11" t="s">
        <v>1301</v>
      </c>
      <c r="C661" s="172"/>
      <c r="D661" s="78"/>
      <c r="E661" s="245"/>
    </row>
    <row r="662" spans="1:5">
      <c r="A662" s="254"/>
      <c r="B662" s="11" t="s">
        <v>1302</v>
      </c>
      <c r="C662" s="172"/>
      <c r="D662" s="78"/>
      <c r="E662" s="245"/>
    </row>
    <row r="663" spans="1:5">
      <c r="A663" s="11" t="s">
        <v>294</v>
      </c>
      <c r="B663" s="11" t="s">
        <v>1266</v>
      </c>
      <c r="C663" s="172"/>
      <c r="D663" s="78"/>
      <c r="E663" s="245"/>
    </row>
    <row r="664" spans="1:5">
      <c r="A664" s="11" t="s">
        <v>568</v>
      </c>
      <c r="B664" s="11" t="s">
        <v>1304</v>
      </c>
      <c r="C664" s="172"/>
      <c r="D664" s="78"/>
      <c r="E664" s="245"/>
    </row>
    <row r="665" spans="1:5">
      <c r="A665" s="254" t="s">
        <v>194</v>
      </c>
      <c r="B665" s="11" t="s">
        <v>77</v>
      </c>
      <c r="C665" s="172"/>
      <c r="D665" s="78"/>
      <c r="E665" s="245"/>
    </row>
    <row r="666" spans="1:5">
      <c r="A666" s="254"/>
      <c r="B666" s="11" t="s">
        <v>397</v>
      </c>
      <c r="C666" s="172"/>
      <c r="D666" s="78"/>
      <c r="E666" s="245"/>
    </row>
    <row r="667" spans="1:5">
      <c r="A667" s="11"/>
      <c r="B667" s="11"/>
      <c r="C667" s="78"/>
      <c r="D667" s="78"/>
      <c r="E667" s="245"/>
    </row>
    <row r="668" spans="1:5">
      <c r="A668" s="11"/>
      <c r="B668" s="11"/>
      <c r="C668" s="78"/>
      <c r="D668" s="78"/>
      <c r="E668" s="245"/>
    </row>
    <row r="669" spans="1:5">
      <c r="A669" s="15"/>
      <c r="B669" s="15"/>
      <c r="C669" s="102"/>
      <c r="D669" s="102"/>
      <c r="E669" s="246"/>
    </row>
    <row r="670" spans="1:5">
      <c r="A670" s="13"/>
      <c r="B670" s="14"/>
      <c r="C670" s="108"/>
      <c r="D670" s="108"/>
      <c r="E670" s="108" t="s">
        <v>555</v>
      </c>
    </row>
    <row r="671" spans="1:5">
      <c r="A671" s="118" t="s">
        <v>597</v>
      </c>
      <c r="B671" s="118"/>
      <c r="C671" s="108"/>
      <c r="D671" s="108"/>
      <c r="E671" s="108"/>
    </row>
    <row r="672" spans="1:5" ht="13.5" customHeight="1">
      <c r="A672" s="250" t="s">
        <v>541</v>
      </c>
      <c r="B672" s="250" t="s">
        <v>214</v>
      </c>
      <c r="C672" s="247" t="s">
        <v>212</v>
      </c>
      <c r="D672" s="248"/>
      <c r="E672" s="249"/>
    </row>
    <row r="673" spans="1:5">
      <c r="A673" s="251"/>
      <c r="B673" s="251"/>
      <c r="C673" s="99" t="s">
        <v>120</v>
      </c>
      <c r="D673" s="99" t="s">
        <v>121</v>
      </c>
      <c r="E673" s="99" t="s">
        <v>215</v>
      </c>
    </row>
    <row r="674" spans="1:5">
      <c r="A674" s="12" t="s">
        <v>200</v>
      </c>
      <c r="B674" s="12" t="s">
        <v>1307</v>
      </c>
      <c r="C674" s="171"/>
      <c r="D674" s="104"/>
      <c r="E674" s="244"/>
    </row>
    <row r="675" spans="1:5">
      <c r="A675" s="11"/>
      <c r="B675" s="11" t="s">
        <v>1308</v>
      </c>
      <c r="C675" s="172"/>
      <c r="D675" s="78"/>
      <c r="E675" s="245"/>
    </row>
    <row r="676" spans="1:5">
      <c r="A676" s="15"/>
      <c r="B676" s="15"/>
      <c r="C676" s="102"/>
      <c r="D676" s="102"/>
      <c r="E676" s="246"/>
    </row>
    <row r="677" spans="1:5">
      <c r="A677" s="13"/>
      <c r="B677" s="14"/>
      <c r="C677" s="108"/>
      <c r="D677" s="108"/>
      <c r="E677" s="108"/>
    </row>
    <row r="678" spans="1:5">
      <c r="A678" s="13"/>
      <c r="B678" s="14"/>
      <c r="C678" s="108"/>
      <c r="D678" s="108"/>
      <c r="E678" s="108"/>
    </row>
    <row r="679" spans="1:5">
      <c r="A679" s="13" t="s">
        <v>598</v>
      </c>
      <c r="B679" s="14"/>
      <c r="C679" s="108"/>
      <c r="D679" s="108"/>
      <c r="E679" s="108"/>
    </row>
    <row r="680" spans="1:5" ht="13.5" customHeight="1">
      <c r="A680" s="250" t="s">
        <v>541</v>
      </c>
      <c r="B680" s="250" t="s">
        <v>214</v>
      </c>
      <c r="C680" s="247" t="s">
        <v>212</v>
      </c>
      <c r="D680" s="248"/>
      <c r="E680" s="249"/>
    </row>
    <row r="681" spans="1:5">
      <c r="A681" s="251"/>
      <c r="B681" s="251"/>
      <c r="C681" s="99" t="s">
        <v>120</v>
      </c>
      <c r="D681" s="99" t="s">
        <v>121</v>
      </c>
      <c r="E681" s="99" t="s">
        <v>215</v>
      </c>
    </row>
    <row r="682" spans="1:5">
      <c r="A682" s="264" t="s">
        <v>296</v>
      </c>
      <c r="B682" s="12" t="s">
        <v>297</v>
      </c>
      <c r="C682" s="171"/>
      <c r="D682" s="104"/>
      <c r="E682" s="244"/>
    </row>
    <row r="683" spans="1:5">
      <c r="A683" s="254"/>
      <c r="B683" s="11" t="s">
        <v>298</v>
      </c>
      <c r="C683" s="172"/>
      <c r="D683" s="78"/>
      <c r="E683" s="245"/>
    </row>
    <row r="684" spans="1:5">
      <c r="A684" s="11"/>
      <c r="B684" s="11"/>
      <c r="C684" s="78"/>
      <c r="D684" s="78"/>
      <c r="E684" s="245"/>
    </row>
    <row r="685" spans="1:5">
      <c r="A685" s="198"/>
      <c r="B685" s="15"/>
      <c r="C685" s="102"/>
      <c r="D685" s="102"/>
      <c r="E685" s="246"/>
    </row>
    <row r="686" spans="1:5" s="126" customFormat="1">
      <c r="B686" s="199"/>
      <c r="C686" s="199"/>
      <c r="D686" s="199"/>
      <c r="E686" s="199"/>
    </row>
    <row r="687" spans="1:5">
      <c r="A687" s="97"/>
    </row>
  </sheetData>
  <mergeCells count="264">
    <mergeCell ref="E682:E685"/>
    <mergeCell ref="A682:A683"/>
    <mergeCell ref="A517:A518"/>
    <mergeCell ref="A286:A287"/>
    <mergeCell ref="A288:A289"/>
    <mergeCell ref="A290:A291"/>
    <mergeCell ref="A202:A204"/>
    <mergeCell ref="C324:E324"/>
    <mergeCell ref="C354:E354"/>
    <mergeCell ref="C372:E372"/>
    <mergeCell ref="C382:E382"/>
    <mergeCell ref="C393:E393"/>
    <mergeCell ref="C403:E403"/>
    <mergeCell ref="C422:E422"/>
    <mergeCell ref="E553:E566"/>
    <mergeCell ref="E571:E577"/>
    <mergeCell ref="E582:E587"/>
    <mergeCell ref="E593:E596"/>
    <mergeCell ref="E601:E607"/>
    <mergeCell ref="E612:E620"/>
    <mergeCell ref="E628:E640"/>
    <mergeCell ref="E645:E652"/>
    <mergeCell ref="E657:E669"/>
    <mergeCell ref="E674:E676"/>
    <mergeCell ref="E214:E225"/>
    <mergeCell ref="E310:E321"/>
    <mergeCell ref="E374:E379"/>
    <mergeCell ref="E384:E390"/>
    <mergeCell ref="E395:E400"/>
    <mergeCell ref="E405:E419"/>
    <mergeCell ref="E424:E433"/>
    <mergeCell ref="E439:E445"/>
    <mergeCell ref="E173:E183"/>
    <mergeCell ref="C186:E186"/>
    <mergeCell ref="E188:E194"/>
    <mergeCell ref="C339:E339"/>
    <mergeCell ref="C298:E298"/>
    <mergeCell ref="E300:E305"/>
    <mergeCell ref="E326:E335"/>
    <mergeCell ref="E259:E264"/>
    <mergeCell ref="C267:E267"/>
    <mergeCell ref="E269:E274"/>
    <mergeCell ref="E280:E295"/>
    <mergeCell ref="E341:E351"/>
    <mergeCell ref="E356:E368"/>
    <mergeCell ref="A680:A681"/>
    <mergeCell ref="B680:B681"/>
    <mergeCell ref="A672:A673"/>
    <mergeCell ref="B672:B673"/>
    <mergeCell ref="A643:A644"/>
    <mergeCell ref="B643:B644"/>
    <mergeCell ref="A655:A656"/>
    <mergeCell ref="B655:B656"/>
    <mergeCell ref="A626:A627"/>
    <mergeCell ref="B626:B627"/>
    <mergeCell ref="A628:A629"/>
    <mergeCell ref="A632:A633"/>
    <mergeCell ref="A636:A637"/>
    <mergeCell ref="A646:A647"/>
    <mergeCell ref="A648:A649"/>
    <mergeCell ref="A657:A658"/>
    <mergeCell ref="A661:A662"/>
    <mergeCell ref="A665:A666"/>
    <mergeCell ref="A610:A611"/>
    <mergeCell ref="A569:A570"/>
    <mergeCell ref="B569:B570"/>
    <mergeCell ref="A599:A600"/>
    <mergeCell ref="B599:B600"/>
    <mergeCell ref="A536:A537"/>
    <mergeCell ref="B536:B537"/>
    <mergeCell ref="A551:A552"/>
    <mergeCell ref="B551:B552"/>
    <mergeCell ref="A580:A581"/>
    <mergeCell ref="B580:B581"/>
    <mergeCell ref="A591:A592"/>
    <mergeCell ref="B591:B592"/>
    <mergeCell ref="A559:A560"/>
    <mergeCell ref="A561:A562"/>
    <mergeCell ref="B610:B611"/>
    <mergeCell ref="A21:A22"/>
    <mergeCell ref="A4:E4"/>
    <mergeCell ref="A50:A51"/>
    <mergeCell ref="B50:B51"/>
    <mergeCell ref="B21:B22"/>
    <mergeCell ref="A101:A102"/>
    <mergeCell ref="A7:A8"/>
    <mergeCell ref="A382:A383"/>
    <mergeCell ref="B7:B8"/>
    <mergeCell ref="B339:B340"/>
    <mergeCell ref="A354:A355"/>
    <mergeCell ref="B354:B355"/>
    <mergeCell ref="C153:E153"/>
    <mergeCell ref="B101:B102"/>
    <mergeCell ref="B153:B154"/>
    <mergeCell ref="A257:A258"/>
    <mergeCell ref="B257:B258"/>
    <mergeCell ref="A278:A279"/>
    <mergeCell ref="B278:B279"/>
    <mergeCell ref="A308:A309"/>
    <mergeCell ref="A171:A172"/>
    <mergeCell ref="B171:B172"/>
    <mergeCell ref="A199:A200"/>
    <mergeCell ref="B324:B325"/>
    <mergeCell ref="A324:A325"/>
    <mergeCell ref="B422:B423"/>
    <mergeCell ref="B372:B373"/>
    <mergeCell ref="A339:A340"/>
    <mergeCell ref="B199:B200"/>
    <mergeCell ref="A212:A213"/>
    <mergeCell ref="B212:B213"/>
    <mergeCell ref="A228:A229"/>
    <mergeCell ref="B228:B229"/>
    <mergeCell ref="A246:A247"/>
    <mergeCell ref="A217:A218"/>
    <mergeCell ref="A219:A220"/>
    <mergeCell ref="A230:A231"/>
    <mergeCell ref="A234:A235"/>
    <mergeCell ref="A249:A250"/>
    <mergeCell ref="A260:A261"/>
    <mergeCell ref="A267:A268"/>
    <mergeCell ref="A298:A299"/>
    <mergeCell ref="A301:A302"/>
    <mergeCell ref="A316:A317"/>
    <mergeCell ref="A330:A331"/>
    <mergeCell ref="A341:A342"/>
    <mergeCell ref="A343:A344"/>
    <mergeCell ref="A345:A346"/>
    <mergeCell ref="A153:A154"/>
    <mergeCell ref="A157:A158"/>
    <mergeCell ref="A160:A164"/>
    <mergeCell ref="A174:A177"/>
    <mergeCell ref="A179:A180"/>
    <mergeCell ref="A186:A187"/>
    <mergeCell ref="A270:A271"/>
    <mergeCell ref="A185:B185"/>
    <mergeCell ref="B186:B187"/>
    <mergeCell ref="A190:A191"/>
    <mergeCell ref="A215:A216"/>
    <mergeCell ref="C7:E7"/>
    <mergeCell ref="C21:E21"/>
    <mergeCell ref="C50:E50"/>
    <mergeCell ref="C59:E59"/>
    <mergeCell ref="C68:E68"/>
    <mergeCell ref="C79:E79"/>
    <mergeCell ref="C101:E101"/>
    <mergeCell ref="B246:B247"/>
    <mergeCell ref="B308:B309"/>
    <mergeCell ref="C171:E171"/>
    <mergeCell ref="C199:E199"/>
    <mergeCell ref="C212:E212"/>
    <mergeCell ref="C228:E228"/>
    <mergeCell ref="C246:E246"/>
    <mergeCell ref="C257:E257"/>
    <mergeCell ref="C278:E278"/>
    <mergeCell ref="E70:E76"/>
    <mergeCell ref="E230:E242"/>
    <mergeCell ref="E248:E254"/>
    <mergeCell ref="B267:B268"/>
    <mergeCell ref="B298:B299"/>
    <mergeCell ref="C308:E308"/>
    <mergeCell ref="E155:E168"/>
    <mergeCell ref="E201:E209"/>
    <mergeCell ref="C626:E626"/>
    <mergeCell ref="C643:E643"/>
    <mergeCell ref="C655:E655"/>
    <mergeCell ref="C672:E672"/>
    <mergeCell ref="C680:E680"/>
    <mergeCell ref="C472:E472"/>
    <mergeCell ref="C483:E483"/>
    <mergeCell ref="C496:E496"/>
    <mergeCell ref="C506:E506"/>
    <mergeCell ref="C525:E525"/>
    <mergeCell ref="C536:E536"/>
    <mergeCell ref="C551:E551"/>
    <mergeCell ref="C569:E569"/>
    <mergeCell ref="C580:E580"/>
    <mergeCell ref="C591:E591"/>
    <mergeCell ref="C599:E599"/>
    <mergeCell ref="C610:E610"/>
    <mergeCell ref="E498:E503"/>
    <mergeCell ref="E508:E521"/>
    <mergeCell ref="A70:A74"/>
    <mergeCell ref="E81:E98"/>
    <mergeCell ref="A81:A88"/>
    <mergeCell ref="A89:A91"/>
    <mergeCell ref="A92:A93"/>
    <mergeCell ref="A94:A95"/>
    <mergeCell ref="E103:E107"/>
    <mergeCell ref="E9:E18"/>
    <mergeCell ref="A13:A14"/>
    <mergeCell ref="A33:A34"/>
    <mergeCell ref="A23:A32"/>
    <mergeCell ref="A37:A39"/>
    <mergeCell ref="A43:A44"/>
    <mergeCell ref="E23:E47"/>
    <mergeCell ref="E52:E56"/>
    <mergeCell ref="E61:E65"/>
    <mergeCell ref="A52:A53"/>
    <mergeCell ref="A35:A36"/>
    <mergeCell ref="A59:A60"/>
    <mergeCell ref="B59:B60"/>
    <mergeCell ref="A79:A80"/>
    <mergeCell ref="B79:B80"/>
    <mergeCell ref="A68:A69"/>
    <mergeCell ref="B68:B69"/>
    <mergeCell ref="A110:A111"/>
    <mergeCell ref="B110:B111"/>
    <mergeCell ref="C110:E110"/>
    <mergeCell ref="E112:E114"/>
    <mergeCell ref="A117:A118"/>
    <mergeCell ref="B117:B118"/>
    <mergeCell ref="C117:E117"/>
    <mergeCell ref="E119:E124"/>
    <mergeCell ref="A119:A120"/>
    <mergeCell ref="A121:A122"/>
    <mergeCell ref="A127:A128"/>
    <mergeCell ref="B127:B128"/>
    <mergeCell ref="C127:E127"/>
    <mergeCell ref="A143:A144"/>
    <mergeCell ref="B143:B144"/>
    <mergeCell ref="C143:E143"/>
    <mergeCell ref="E145:E149"/>
    <mergeCell ref="A135:A136"/>
    <mergeCell ref="B135:B136"/>
    <mergeCell ref="C135:E135"/>
    <mergeCell ref="E137:E140"/>
    <mergeCell ref="A129:A130"/>
    <mergeCell ref="A146:A147"/>
    <mergeCell ref="E129:E132"/>
    <mergeCell ref="A356:A359"/>
    <mergeCell ref="E464:E469"/>
    <mergeCell ref="E474:E480"/>
    <mergeCell ref="E485:E493"/>
    <mergeCell ref="A488:A489"/>
    <mergeCell ref="A393:A394"/>
    <mergeCell ref="B393:B394"/>
    <mergeCell ref="A422:A423"/>
    <mergeCell ref="A448:A449"/>
    <mergeCell ref="A462:A463"/>
    <mergeCell ref="B462:B463"/>
    <mergeCell ref="A403:A404"/>
    <mergeCell ref="B403:B404"/>
    <mergeCell ref="C462:E462"/>
    <mergeCell ref="E450:E459"/>
    <mergeCell ref="B448:B449"/>
    <mergeCell ref="A437:A438"/>
    <mergeCell ref="B437:B438"/>
    <mergeCell ref="C437:E437"/>
    <mergeCell ref="B382:B383"/>
    <mergeCell ref="A372:A373"/>
    <mergeCell ref="C448:E448"/>
    <mergeCell ref="A515:A516"/>
    <mergeCell ref="E527:E533"/>
    <mergeCell ref="E538:E547"/>
    <mergeCell ref="A506:A507"/>
    <mergeCell ref="B506:B507"/>
    <mergeCell ref="A483:A484"/>
    <mergeCell ref="A472:A473"/>
    <mergeCell ref="B483:B484"/>
    <mergeCell ref="B525:B526"/>
    <mergeCell ref="B472:B473"/>
    <mergeCell ref="A525:A526"/>
    <mergeCell ref="A496:A497"/>
    <mergeCell ref="B496:B497"/>
  </mergeCells>
  <phoneticPr fontId="6"/>
  <pageMargins left="0.78740157480314965" right="0.59055118110236227" top="0.78740157480314965" bottom="0.78740157480314965" header="0.51181102362204722" footer="0.51181102362204722"/>
  <pageSetup paperSize="9" scale="96" fitToHeight="0" orientation="portrait" r:id="rId1"/>
  <headerFooter alignWithMargins="0"/>
  <rowBreaks count="10" manualBreakCount="10">
    <brk id="57" max="4" man="1"/>
    <brk id="168" max="4" man="1"/>
    <brk id="225" max="4" man="1"/>
    <brk id="274" max="4" man="1"/>
    <brk id="390" max="4" man="1"/>
    <brk id="433" max="4" man="1"/>
    <brk id="480" max="4" man="1"/>
    <brk id="533" max="4" man="1"/>
    <brk id="587" max="4" man="1"/>
    <brk id="640" max="4"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58"/>
  <sheetViews>
    <sheetView showGridLines="0" view="pageBreakPreview" zoomScale="90" zoomScaleNormal="100" zoomScaleSheetLayoutView="90" workbookViewId="0">
      <selection activeCell="L33" sqref="L33"/>
    </sheetView>
  </sheetViews>
  <sheetFormatPr defaultColWidth="9" defaultRowHeight="13.2"/>
  <cols>
    <col min="1" max="1" width="9" style="9"/>
    <col min="2" max="2" width="10.77734375" style="9" customWidth="1"/>
    <col min="3" max="16384" width="9" style="9"/>
  </cols>
  <sheetData>
    <row r="1" spans="1:9">
      <c r="A1" s="1"/>
      <c r="B1" s="2"/>
      <c r="C1" s="2"/>
      <c r="D1" s="2"/>
      <c r="E1" s="2"/>
      <c r="F1" s="2"/>
      <c r="G1" s="2"/>
      <c r="H1" s="2"/>
    </row>
    <row r="2" spans="1:9">
      <c r="A2" s="1"/>
      <c r="B2" s="2"/>
      <c r="C2" s="2"/>
      <c r="D2" s="2"/>
      <c r="E2" s="2"/>
      <c r="F2" s="2"/>
      <c r="G2" s="2"/>
      <c r="H2" s="2"/>
    </row>
    <row r="3" spans="1:9">
      <c r="A3" s="1"/>
      <c r="B3" s="2"/>
      <c r="C3" s="2"/>
      <c r="D3" s="236"/>
      <c r="E3" s="236"/>
      <c r="F3" s="2"/>
      <c r="G3" s="2"/>
      <c r="H3" s="2"/>
    </row>
    <row r="4" spans="1:9">
      <c r="A4" s="1"/>
      <c r="B4" s="2"/>
      <c r="C4" s="2"/>
      <c r="D4" s="236"/>
      <c r="E4" s="236"/>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237" t="s">
        <v>1492</v>
      </c>
      <c r="B9" s="237"/>
      <c r="C9" s="237"/>
      <c r="D9" s="237"/>
      <c r="E9" s="237"/>
      <c r="F9" s="237"/>
      <c r="G9" s="237"/>
      <c r="H9" s="237"/>
      <c r="I9" s="237"/>
    </row>
    <row r="10" spans="1:9">
      <c r="A10" s="3"/>
      <c r="B10" s="2"/>
      <c r="C10" s="2"/>
      <c r="D10" s="2"/>
      <c r="E10" s="2"/>
      <c r="F10" s="2"/>
      <c r="G10" s="2"/>
      <c r="H10" s="2"/>
    </row>
    <row r="11" spans="1:9" ht="16.2">
      <c r="A11" s="238"/>
      <c r="B11" s="238"/>
      <c r="C11" s="238"/>
      <c r="D11" s="238"/>
      <c r="E11" s="238"/>
      <c r="F11" s="238"/>
      <c r="G11" s="238"/>
      <c r="H11" s="238"/>
      <c r="I11" s="238"/>
    </row>
    <row r="12" spans="1:9">
      <c r="A12" s="3"/>
      <c r="B12" s="2"/>
      <c r="C12" s="2"/>
      <c r="D12" s="2"/>
      <c r="E12" s="2"/>
      <c r="F12" s="2"/>
      <c r="G12" s="2"/>
      <c r="H12" s="2"/>
    </row>
    <row r="13" spans="1:9">
      <c r="A13" s="239"/>
      <c r="B13" s="239"/>
      <c r="C13" s="239"/>
      <c r="D13" s="239"/>
      <c r="E13" s="239"/>
      <c r="F13" s="239"/>
      <c r="G13" s="239"/>
      <c r="H13" s="23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240" t="s">
        <v>561</v>
      </c>
      <c r="B18" s="240"/>
      <c r="C18" s="5"/>
      <c r="D18" s="5"/>
      <c r="E18" s="5"/>
      <c r="F18" s="5"/>
      <c r="G18" s="5"/>
      <c r="H18" s="5"/>
    </row>
    <row r="19" spans="1:8" ht="14.4">
      <c r="A19" s="45"/>
      <c r="B19" s="45"/>
      <c r="C19" s="6"/>
      <c r="D19" s="6"/>
      <c r="E19" s="6"/>
      <c r="F19" s="6"/>
      <c r="G19" s="6"/>
      <c r="H19" s="6"/>
    </row>
    <row r="20" spans="1:8" ht="14.4">
      <c r="A20" s="45"/>
      <c r="B20" s="45"/>
      <c r="C20" s="6"/>
      <c r="D20" s="6"/>
      <c r="E20" s="6"/>
      <c r="F20" s="6"/>
      <c r="G20" s="6"/>
      <c r="H20" s="6"/>
    </row>
    <row r="21" spans="1:8" ht="14.4">
      <c r="A21" s="45"/>
      <c r="B21" s="45"/>
      <c r="C21" s="6"/>
      <c r="D21" s="6"/>
      <c r="E21" s="6"/>
      <c r="F21" s="6"/>
      <c r="G21" s="6"/>
      <c r="H21" s="6"/>
    </row>
    <row r="22" spans="1:8" ht="14.25" customHeight="1">
      <c r="A22" s="240" t="s">
        <v>562</v>
      </c>
      <c r="B22" s="240"/>
      <c r="C22" s="5"/>
      <c r="D22" s="5"/>
      <c r="E22" s="5"/>
      <c r="F22" s="5"/>
      <c r="G22" s="5"/>
      <c r="H22" s="5"/>
    </row>
    <row r="23" spans="1:8" ht="14.25" customHeight="1">
      <c r="A23" s="45"/>
      <c r="B23" s="45"/>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4">
      <c r="A26" s="240" t="s">
        <v>563</v>
      </c>
      <c r="B26" s="240"/>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240" t="s">
        <v>540</v>
      </c>
      <c r="B31" s="24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235" t="s">
        <v>498</v>
      </c>
      <c r="C34" s="235"/>
      <c r="D34" s="235"/>
      <c r="E34" s="242"/>
      <c r="F34" s="242"/>
      <c r="G34" s="242"/>
      <c r="H34" s="242"/>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235" t="s">
        <v>499</v>
      </c>
      <c r="C38" s="235"/>
      <c r="D38" s="235"/>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235" t="s">
        <v>500</v>
      </c>
      <c r="C42" s="235"/>
      <c r="D42" s="235"/>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0"/>
      <c r="B53" s="10"/>
      <c r="C53" s="10"/>
      <c r="D53" s="10"/>
      <c r="E53" s="2"/>
      <c r="F53" s="2"/>
      <c r="G53" s="2"/>
      <c r="H53" s="2"/>
    </row>
    <row r="54" spans="1:8">
      <c r="A54" s="3"/>
      <c r="B54" s="2"/>
      <c r="C54" s="2"/>
      <c r="D54" s="2"/>
      <c r="E54" s="5"/>
      <c r="F54" s="5"/>
      <c r="G54" s="5"/>
      <c r="H54" s="5"/>
    </row>
    <row r="55" spans="1:8" ht="14.4">
      <c r="A55" s="10"/>
      <c r="B55" s="10"/>
      <c r="C55" s="10"/>
      <c r="D55" s="10"/>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6"/>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rgb="FF00B0F0"/>
    <pageSetUpPr fitToPage="1"/>
  </sheetPr>
  <dimension ref="B1:F515"/>
  <sheetViews>
    <sheetView showGridLines="0" view="pageBreakPreview" zoomScale="130" zoomScaleNormal="130" zoomScaleSheetLayoutView="130" workbookViewId="0">
      <selection activeCell="C395" sqref="C395"/>
    </sheetView>
  </sheetViews>
  <sheetFormatPr defaultColWidth="9" defaultRowHeight="13.2"/>
  <cols>
    <col min="1" max="1" width="0.6640625" style="49" customWidth="1"/>
    <col min="2" max="2" width="20" style="49" bestFit="1" customWidth="1"/>
    <col min="3" max="3" width="62.33203125" style="49" customWidth="1"/>
    <col min="4" max="4" width="2.77734375" style="49" customWidth="1"/>
    <col min="5" max="5" width="2.6640625" style="49" customWidth="1"/>
    <col min="6" max="6" width="3.44140625" style="49" bestFit="1" customWidth="1"/>
    <col min="7" max="16384" width="9" style="49"/>
  </cols>
  <sheetData>
    <row r="1" spans="2:6" ht="13.5" customHeight="1">
      <c r="E1" s="49" t="s">
        <v>555</v>
      </c>
      <c r="F1" s="49" t="str">
        <f>E1</f>
        <v xml:space="preserve"> </v>
      </c>
    </row>
    <row r="2" spans="2:6" ht="7.5" customHeight="1">
      <c r="B2" s="97"/>
    </row>
    <row r="3" spans="2:6" ht="7.5" customHeight="1">
      <c r="B3" s="97"/>
    </row>
    <row r="4" spans="2:6">
      <c r="B4" s="282"/>
      <c r="C4" s="282"/>
      <c r="D4" s="282"/>
      <c r="E4" s="282"/>
    </row>
    <row r="5" spans="2:6" ht="7.5" customHeight="1">
      <c r="B5" s="97"/>
    </row>
    <row r="6" spans="2:6">
      <c r="B6" s="73" t="s">
        <v>905</v>
      </c>
    </row>
    <row r="7" spans="2:6">
      <c r="B7" s="13" t="s">
        <v>661</v>
      </c>
    </row>
    <row r="8" spans="2:6" ht="13.5" customHeight="1">
      <c r="B8" s="250" t="s">
        <v>213</v>
      </c>
      <c r="C8" s="250" t="s">
        <v>214</v>
      </c>
      <c r="D8" s="248" t="s">
        <v>1063</v>
      </c>
      <c r="E8" s="249"/>
    </row>
    <row r="9" spans="2:6">
      <c r="B9" s="251"/>
      <c r="C9" s="251"/>
      <c r="D9" s="99" t="s">
        <v>121</v>
      </c>
      <c r="E9" s="99" t="s">
        <v>215</v>
      </c>
    </row>
    <row r="10" spans="2:6" s="145" customFormat="1" ht="30" customHeight="1">
      <c r="B10" s="151" t="s">
        <v>906</v>
      </c>
      <c r="C10" s="151" t="s">
        <v>1491</v>
      </c>
      <c r="D10" s="104"/>
      <c r="E10" s="244"/>
      <c r="F10" s="49"/>
    </row>
    <row r="11" spans="2:6" s="145" customFormat="1">
      <c r="B11" s="79"/>
      <c r="C11" s="152"/>
      <c r="D11" s="78"/>
      <c r="E11" s="245"/>
      <c r="F11" s="49"/>
    </row>
    <row r="12" spans="2:6" s="155" customFormat="1">
      <c r="B12" s="153"/>
      <c r="C12" s="154"/>
      <c r="D12" s="102"/>
      <c r="E12" s="246"/>
      <c r="F12" s="49"/>
    </row>
    <row r="13" spans="2:6">
      <c r="B13" s="13"/>
      <c r="C13" s="14"/>
      <c r="D13" s="108"/>
      <c r="E13" s="108"/>
    </row>
    <row r="14" spans="2:6">
      <c r="B14" s="13" t="s">
        <v>1309</v>
      </c>
      <c r="C14" s="14"/>
      <c r="D14" s="108"/>
      <c r="E14" s="108"/>
    </row>
    <row r="15" spans="2:6" ht="13.5" customHeight="1">
      <c r="B15" s="250" t="s">
        <v>213</v>
      </c>
      <c r="C15" s="250" t="s">
        <v>214</v>
      </c>
      <c r="D15" s="248" t="s">
        <v>1063</v>
      </c>
      <c r="E15" s="249"/>
    </row>
    <row r="16" spans="2:6">
      <c r="B16" s="251"/>
      <c r="C16" s="251"/>
      <c r="D16" s="99" t="s">
        <v>121</v>
      </c>
      <c r="E16" s="99" t="s">
        <v>215</v>
      </c>
    </row>
    <row r="17" spans="2:6">
      <c r="B17" s="264" t="s">
        <v>822</v>
      </c>
      <c r="C17" s="151" t="s">
        <v>823</v>
      </c>
      <c r="D17" s="104"/>
      <c r="E17" s="244"/>
    </row>
    <row r="18" spans="2:6" ht="30" customHeight="1">
      <c r="B18" s="254"/>
      <c r="C18" s="77" t="s">
        <v>824</v>
      </c>
      <c r="D18" s="78"/>
      <c r="E18" s="245"/>
    </row>
    <row r="19" spans="2:6" s="155" customFormat="1" ht="30" customHeight="1">
      <c r="B19" s="77" t="s">
        <v>825</v>
      </c>
      <c r="C19" s="77" t="s">
        <v>826</v>
      </c>
      <c r="D19" s="78"/>
      <c r="E19" s="245"/>
      <c r="F19" s="49"/>
    </row>
    <row r="20" spans="2:6" s="155" customFormat="1" ht="30.75" customHeight="1">
      <c r="B20" s="77" t="s">
        <v>827</v>
      </c>
      <c r="C20" s="77" t="s">
        <v>828</v>
      </c>
      <c r="D20" s="78"/>
      <c r="E20" s="245"/>
      <c r="F20" s="49"/>
    </row>
    <row r="21" spans="2:6" s="155" customFormat="1" ht="30" customHeight="1">
      <c r="B21" s="254" t="s">
        <v>829</v>
      </c>
      <c r="C21" s="77" t="s">
        <v>1065</v>
      </c>
      <c r="D21" s="78"/>
      <c r="E21" s="245"/>
      <c r="F21" s="49"/>
    </row>
    <row r="22" spans="2:6" ht="30" customHeight="1">
      <c r="B22" s="254"/>
      <c r="C22" s="77" t="s">
        <v>1064</v>
      </c>
      <c r="D22" s="78"/>
      <c r="E22" s="245"/>
    </row>
    <row r="23" spans="2:6">
      <c r="B23" s="11"/>
      <c r="C23" s="11"/>
      <c r="D23" s="78"/>
      <c r="E23" s="245"/>
    </row>
    <row r="24" spans="2:6">
      <c r="B24" s="15"/>
      <c r="C24" s="15"/>
      <c r="D24" s="102"/>
      <c r="E24" s="246"/>
    </row>
    <row r="25" spans="2:6">
      <c r="B25" s="13"/>
      <c r="C25" s="14"/>
      <c r="D25" s="108"/>
      <c r="E25" s="108" t="s">
        <v>555</v>
      </c>
    </row>
    <row r="26" spans="2:6">
      <c r="B26" s="243" t="s">
        <v>1310</v>
      </c>
      <c r="C26" s="243"/>
      <c r="D26" s="108"/>
      <c r="E26" s="108"/>
    </row>
    <row r="27" spans="2:6">
      <c r="B27" s="250" t="s">
        <v>213</v>
      </c>
      <c r="C27" s="250" t="s">
        <v>214</v>
      </c>
      <c r="D27" s="248" t="s">
        <v>1063</v>
      </c>
      <c r="E27" s="249"/>
    </row>
    <row r="28" spans="2:6">
      <c r="B28" s="251"/>
      <c r="C28" s="251"/>
      <c r="D28" s="99" t="s">
        <v>121</v>
      </c>
      <c r="E28" s="99" t="s">
        <v>215</v>
      </c>
    </row>
    <row r="29" spans="2:6">
      <c r="B29" s="85" t="s">
        <v>1051</v>
      </c>
      <c r="C29" s="85" t="s">
        <v>840</v>
      </c>
      <c r="D29" s="104"/>
      <c r="E29" s="244"/>
    </row>
    <row r="30" spans="2:6">
      <c r="B30" s="77" t="s">
        <v>830</v>
      </c>
      <c r="C30" s="77" t="s">
        <v>831</v>
      </c>
      <c r="D30" s="156"/>
      <c r="E30" s="245"/>
    </row>
    <row r="31" spans="2:6">
      <c r="B31" s="252" t="s">
        <v>832</v>
      </c>
      <c r="C31" s="86" t="s">
        <v>833</v>
      </c>
      <c r="D31" s="157"/>
      <c r="E31" s="245"/>
    </row>
    <row r="32" spans="2:6">
      <c r="B32" s="252"/>
      <c r="C32" s="86" t="s">
        <v>1066</v>
      </c>
      <c r="D32" s="158"/>
      <c r="E32" s="245"/>
    </row>
    <row r="33" spans="2:5">
      <c r="B33" s="252"/>
      <c r="C33" s="86" t="s">
        <v>1067</v>
      </c>
      <c r="D33" s="78"/>
      <c r="E33" s="245"/>
    </row>
    <row r="34" spans="2:5">
      <c r="B34" s="252"/>
      <c r="C34" s="86" t="s">
        <v>1068</v>
      </c>
      <c r="D34" s="78"/>
      <c r="E34" s="245"/>
    </row>
    <row r="35" spans="2:5">
      <c r="B35" s="86" t="s">
        <v>618</v>
      </c>
      <c r="C35" s="86" t="s">
        <v>619</v>
      </c>
      <c r="D35" s="78"/>
      <c r="E35" s="245"/>
    </row>
    <row r="36" spans="2:5">
      <c r="B36" s="86" t="s">
        <v>620</v>
      </c>
      <c r="C36" s="86" t="s">
        <v>621</v>
      </c>
      <c r="D36" s="78"/>
      <c r="E36" s="245"/>
    </row>
    <row r="37" spans="2:5">
      <c r="B37" s="252" t="s">
        <v>624</v>
      </c>
      <c r="C37" s="86" t="s">
        <v>834</v>
      </c>
      <c r="D37" s="157"/>
      <c r="E37" s="245"/>
    </row>
    <row r="38" spans="2:5">
      <c r="B38" s="252"/>
      <c r="C38" s="86" t="s">
        <v>625</v>
      </c>
      <c r="D38" s="78"/>
      <c r="E38" s="245"/>
    </row>
    <row r="39" spans="2:5">
      <c r="B39" s="252"/>
      <c r="C39" s="86" t="s">
        <v>1069</v>
      </c>
      <c r="D39" s="78"/>
      <c r="E39" s="245"/>
    </row>
    <row r="40" spans="2:5">
      <c r="B40" s="252" t="s">
        <v>626</v>
      </c>
      <c r="C40" s="86" t="s">
        <v>841</v>
      </c>
      <c r="D40" s="157"/>
      <c r="E40" s="245"/>
    </row>
    <row r="41" spans="2:5">
      <c r="B41" s="252"/>
      <c r="C41" s="86" t="s">
        <v>625</v>
      </c>
      <c r="D41" s="78"/>
      <c r="E41" s="245"/>
    </row>
    <row r="42" spans="2:5">
      <c r="B42" s="252"/>
      <c r="C42" s="86" t="s">
        <v>627</v>
      </c>
      <c r="D42" s="78"/>
      <c r="E42" s="245"/>
    </row>
    <row r="43" spans="2:5">
      <c r="B43" s="252" t="s">
        <v>628</v>
      </c>
      <c r="C43" s="86" t="s">
        <v>659</v>
      </c>
      <c r="D43" s="157"/>
      <c r="E43" s="245"/>
    </row>
    <row r="44" spans="2:5">
      <c r="B44" s="252"/>
      <c r="C44" s="86" t="s">
        <v>625</v>
      </c>
      <c r="D44" s="78"/>
      <c r="E44" s="245"/>
    </row>
    <row r="45" spans="2:5">
      <c r="B45" s="252"/>
      <c r="C45" s="86" t="s">
        <v>629</v>
      </c>
      <c r="D45" s="78"/>
      <c r="E45" s="245"/>
    </row>
    <row r="46" spans="2:5">
      <c r="B46" s="252"/>
      <c r="C46" s="86" t="s">
        <v>658</v>
      </c>
      <c r="D46" s="78"/>
      <c r="E46" s="245"/>
    </row>
    <row r="47" spans="2:5">
      <c r="B47" s="254" t="s">
        <v>835</v>
      </c>
      <c r="C47" s="77" t="s">
        <v>836</v>
      </c>
      <c r="D47" s="157"/>
      <c r="E47" s="245"/>
    </row>
    <row r="48" spans="2:5">
      <c r="B48" s="254"/>
      <c r="C48" s="77" t="s">
        <v>837</v>
      </c>
      <c r="D48" s="78"/>
      <c r="E48" s="245"/>
    </row>
    <row r="49" spans="2:6">
      <c r="B49" s="254"/>
      <c r="C49" s="77" t="s">
        <v>838</v>
      </c>
      <c r="D49" s="78"/>
      <c r="E49" s="245"/>
    </row>
    <row r="50" spans="2:6">
      <c r="B50" s="254"/>
      <c r="C50" s="77" t="s">
        <v>839</v>
      </c>
      <c r="D50" s="78"/>
      <c r="E50" s="245"/>
    </row>
    <row r="51" spans="2:6">
      <c r="B51" s="11"/>
      <c r="C51" s="11"/>
      <c r="D51" s="78"/>
      <c r="E51" s="245"/>
    </row>
    <row r="52" spans="2:6">
      <c r="B52" s="15"/>
      <c r="C52" s="15"/>
      <c r="D52" s="102"/>
      <c r="E52" s="246"/>
    </row>
    <row r="53" spans="2:6">
      <c r="B53" s="19"/>
      <c r="C53" s="19"/>
      <c r="D53" s="103"/>
      <c r="E53" s="103"/>
    </row>
    <row r="54" spans="2:6">
      <c r="B54" s="258" t="s">
        <v>842</v>
      </c>
      <c r="C54" s="258"/>
      <c r="D54" s="258"/>
      <c r="E54" s="258"/>
    </row>
    <row r="55" spans="2:6">
      <c r="B55" s="13" t="s">
        <v>1311</v>
      </c>
      <c r="C55" s="14"/>
      <c r="D55" s="108"/>
      <c r="E55" s="108"/>
    </row>
    <row r="56" spans="2:6" ht="13.5" customHeight="1">
      <c r="B56" s="250" t="s">
        <v>213</v>
      </c>
      <c r="C56" s="250" t="s">
        <v>214</v>
      </c>
      <c r="D56" s="248" t="s">
        <v>1063</v>
      </c>
      <c r="E56" s="249"/>
    </row>
    <row r="57" spans="2:6">
      <c r="B57" s="251"/>
      <c r="C57" s="251"/>
      <c r="D57" s="99" t="s">
        <v>121</v>
      </c>
      <c r="E57" s="99" t="s">
        <v>215</v>
      </c>
    </row>
    <row r="58" spans="2:6">
      <c r="B58" s="269" t="s">
        <v>431</v>
      </c>
      <c r="C58" s="106" t="s">
        <v>1312</v>
      </c>
      <c r="D58" s="157"/>
      <c r="E58" s="245"/>
    </row>
    <row r="59" spans="2:6" ht="30" customHeight="1">
      <c r="B59" s="271"/>
      <c r="C59" s="106" t="s">
        <v>850</v>
      </c>
      <c r="D59" s="78"/>
      <c r="E59" s="245"/>
    </row>
    <row r="60" spans="2:6" ht="30" customHeight="1">
      <c r="B60" s="106" t="s">
        <v>901</v>
      </c>
      <c r="C60" s="106" t="s">
        <v>1313</v>
      </c>
      <c r="D60" s="78"/>
      <c r="E60" s="245"/>
    </row>
    <row r="61" spans="2:6" s="93" customFormat="1">
      <c r="B61" s="122"/>
      <c r="C61" s="70"/>
      <c r="D61" s="78"/>
      <c r="E61" s="245"/>
      <c r="F61" s="49"/>
    </row>
    <row r="62" spans="2:6" s="93" customFormat="1">
      <c r="B62" s="123"/>
      <c r="C62" s="124"/>
      <c r="D62" s="102"/>
      <c r="E62" s="246"/>
      <c r="F62" s="49"/>
    </row>
    <row r="63" spans="2:6" s="93" customFormat="1">
      <c r="B63" s="131"/>
      <c r="C63" s="128"/>
      <c r="D63" s="103"/>
      <c r="E63" s="103"/>
      <c r="F63" s="49"/>
    </row>
    <row r="64" spans="2:6" s="93" customFormat="1">
      <c r="B64" s="13" t="s">
        <v>1314</v>
      </c>
      <c r="C64" s="132"/>
      <c r="D64" s="103"/>
      <c r="E64" s="159" t="s">
        <v>555</v>
      </c>
      <c r="F64" s="49" t="str">
        <f>E64</f>
        <v xml:space="preserve"> </v>
      </c>
    </row>
    <row r="65" spans="2:6" s="93" customFormat="1">
      <c r="B65" s="13" t="s">
        <v>1315</v>
      </c>
      <c r="C65" s="14"/>
      <c r="D65" s="108"/>
      <c r="E65" s="108"/>
      <c r="F65" s="49"/>
    </row>
    <row r="66" spans="2:6" s="93" customFormat="1">
      <c r="B66" s="250" t="s">
        <v>213</v>
      </c>
      <c r="C66" s="250" t="s">
        <v>214</v>
      </c>
      <c r="D66" s="248" t="s">
        <v>1063</v>
      </c>
      <c r="E66" s="249"/>
      <c r="F66" s="49"/>
    </row>
    <row r="67" spans="2:6" s="93" customFormat="1">
      <c r="B67" s="251"/>
      <c r="C67" s="251"/>
      <c r="D67" s="99" t="s">
        <v>121</v>
      </c>
      <c r="E67" s="99" t="s">
        <v>215</v>
      </c>
      <c r="F67" s="49"/>
    </row>
    <row r="68" spans="2:6" s="93" customFormat="1">
      <c r="B68" s="264" t="s">
        <v>844</v>
      </c>
      <c r="C68" s="12" t="s">
        <v>1055</v>
      </c>
      <c r="D68" s="157"/>
      <c r="E68" s="244"/>
      <c r="F68" s="49"/>
    </row>
    <row r="69" spans="2:6" s="93" customFormat="1">
      <c r="B69" s="254"/>
      <c r="C69" s="11" t="s">
        <v>274</v>
      </c>
      <c r="D69" s="78"/>
      <c r="E69" s="245"/>
      <c r="F69" s="49"/>
    </row>
    <row r="70" spans="2:6" s="93" customFormat="1">
      <c r="B70" s="254"/>
      <c r="C70" s="11" t="s">
        <v>843</v>
      </c>
      <c r="D70" s="78"/>
      <c r="E70" s="245"/>
      <c r="F70" s="49"/>
    </row>
    <row r="71" spans="2:6" s="93" customFormat="1">
      <c r="B71" s="254"/>
      <c r="C71" s="11" t="s">
        <v>275</v>
      </c>
      <c r="D71" s="78"/>
      <c r="E71" s="245"/>
      <c r="F71" s="49"/>
    </row>
    <row r="72" spans="2:6" s="93" customFormat="1">
      <c r="B72" s="254"/>
      <c r="C72" s="70" t="s">
        <v>86</v>
      </c>
      <c r="D72" s="78"/>
      <c r="E72" s="245"/>
      <c r="F72" s="49"/>
    </row>
    <row r="73" spans="2:6" s="93" customFormat="1">
      <c r="B73" s="122"/>
      <c r="C73" s="70"/>
      <c r="D73" s="78"/>
      <c r="E73" s="245"/>
      <c r="F73" s="49"/>
    </row>
    <row r="74" spans="2:6" s="93" customFormat="1">
      <c r="B74" s="123"/>
      <c r="C74" s="124"/>
      <c r="D74" s="102"/>
      <c r="E74" s="246"/>
      <c r="F74" s="49"/>
    </row>
    <row r="75" spans="2:6" s="93" customFormat="1">
      <c r="B75" s="127"/>
      <c r="C75" s="132"/>
      <c r="D75" s="103"/>
      <c r="E75" s="159"/>
      <c r="F75" s="49"/>
    </row>
    <row r="76" spans="2:6" s="93" customFormat="1">
      <c r="B76" s="13" t="s">
        <v>1316</v>
      </c>
      <c r="C76" s="14"/>
      <c r="D76" s="108"/>
      <c r="E76" s="108"/>
      <c r="F76" s="49"/>
    </row>
    <row r="77" spans="2:6" s="93" customFormat="1">
      <c r="B77" s="250" t="s">
        <v>213</v>
      </c>
      <c r="C77" s="250" t="s">
        <v>214</v>
      </c>
      <c r="D77" s="248"/>
      <c r="E77" s="249"/>
      <c r="F77" s="49"/>
    </row>
    <row r="78" spans="2:6" s="93" customFormat="1">
      <c r="B78" s="251"/>
      <c r="C78" s="251"/>
      <c r="D78" s="99" t="s">
        <v>121</v>
      </c>
      <c r="E78" s="99" t="s">
        <v>215</v>
      </c>
      <c r="F78" s="49"/>
    </row>
    <row r="79" spans="2:6" s="93" customFormat="1">
      <c r="B79" s="283" t="s">
        <v>845</v>
      </c>
      <c r="C79" s="12" t="s">
        <v>1055</v>
      </c>
      <c r="D79" s="157"/>
      <c r="E79" s="244"/>
      <c r="F79" s="49"/>
    </row>
    <row r="80" spans="2:6" s="93" customFormat="1">
      <c r="B80" s="284"/>
      <c r="C80" s="70" t="s">
        <v>276</v>
      </c>
      <c r="D80" s="78"/>
      <c r="E80" s="245"/>
      <c r="F80" s="49"/>
    </row>
    <row r="81" spans="2:6" s="93" customFormat="1">
      <c r="B81" s="284"/>
      <c r="C81" s="70" t="s">
        <v>86</v>
      </c>
      <c r="D81" s="78"/>
      <c r="E81" s="245"/>
      <c r="F81" s="49"/>
    </row>
    <row r="82" spans="2:6" s="93" customFormat="1">
      <c r="B82" s="122"/>
      <c r="C82" s="70"/>
      <c r="D82" s="78"/>
      <c r="E82" s="245"/>
      <c r="F82" s="49"/>
    </row>
    <row r="83" spans="2:6" s="93" customFormat="1">
      <c r="B83" s="123"/>
      <c r="C83" s="124"/>
      <c r="D83" s="102"/>
      <c r="E83" s="246"/>
      <c r="F83" s="49"/>
    </row>
    <row r="84" spans="2:6" s="93" customFormat="1">
      <c r="B84" s="127"/>
      <c r="C84" s="132"/>
      <c r="D84" s="103"/>
      <c r="E84" s="159"/>
      <c r="F84" s="49"/>
    </row>
    <row r="85" spans="2:6" s="93" customFormat="1">
      <c r="B85" s="243" t="s">
        <v>1317</v>
      </c>
      <c r="C85" s="243"/>
      <c r="D85" s="108"/>
      <c r="E85" s="108"/>
      <c r="F85" s="49"/>
    </row>
    <row r="86" spans="2:6" s="93" customFormat="1">
      <c r="B86" s="250" t="s">
        <v>213</v>
      </c>
      <c r="C86" s="250" t="s">
        <v>214</v>
      </c>
      <c r="D86" s="248" t="s">
        <v>1063</v>
      </c>
      <c r="E86" s="249"/>
      <c r="F86" s="49"/>
    </row>
    <row r="87" spans="2:6" s="93" customFormat="1">
      <c r="B87" s="251"/>
      <c r="C87" s="251"/>
      <c r="D87" s="99" t="s">
        <v>121</v>
      </c>
      <c r="E87" s="99" t="s">
        <v>215</v>
      </c>
      <c r="F87" s="49"/>
    </row>
    <row r="88" spans="2:6" s="93" customFormat="1">
      <c r="B88" s="262" t="s">
        <v>846</v>
      </c>
      <c r="C88" s="12" t="s">
        <v>1055</v>
      </c>
      <c r="D88" s="157"/>
      <c r="E88" s="244"/>
      <c r="F88" s="49"/>
    </row>
    <row r="89" spans="2:6" s="93" customFormat="1">
      <c r="B89" s="260"/>
      <c r="C89" s="70" t="s">
        <v>1318</v>
      </c>
      <c r="D89" s="78"/>
      <c r="E89" s="245"/>
      <c r="F89" s="49"/>
    </row>
    <row r="90" spans="2:6" s="93" customFormat="1">
      <c r="B90" s="260"/>
      <c r="C90" s="70" t="s">
        <v>847</v>
      </c>
      <c r="D90" s="78"/>
      <c r="E90" s="245"/>
      <c r="F90" s="49"/>
    </row>
    <row r="91" spans="2:6" s="93" customFormat="1">
      <c r="B91" s="261"/>
      <c r="C91" s="70" t="s">
        <v>848</v>
      </c>
      <c r="D91" s="78"/>
      <c r="E91" s="245"/>
      <c r="F91" s="49"/>
    </row>
    <row r="92" spans="2:6" s="93" customFormat="1">
      <c r="B92" s="122"/>
      <c r="C92" s="70"/>
      <c r="D92" s="78"/>
      <c r="E92" s="245"/>
      <c r="F92" s="49"/>
    </row>
    <row r="93" spans="2:6" s="93" customFormat="1">
      <c r="B93" s="123"/>
      <c r="C93" s="124"/>
      <c r="D93" s="102"/>
      <c r="E93" s="246"/>
      <c r="F93" s="49"/>
    </row>
    <row r="94" spans="2:6" s="93" customFormat="1">
      <c r="B94" s="127"/>
      <c r="C94" s="132"/>
      <c r="D94" s="103"/>
      <c r="E94" s="159"/>
      <c r="F94" s="49"/>
    </row>
    <row r="95" spans="2:6" s="93" customFormat="1">
      <c r="B95" s="13" t="s">
        <v>1319</v>
      </c>
      <c r="C95" s="14"/>
      <c r="D95" s="108"/>
      <c r="E95" s="108"/>
      <c r="F95" s="49"/>
    </row>
    <row r="96" spans="2:6" s="93" customFormat="1">
      <c r="B96" s="250" t="s">
        <v>213</v>
      </c>
      <c r="C96" s="250" t="s">
        <v>214</v>
      </c>
      <c r="D96" s="248" t="s">
        <v>1063</v>
      </c>
      <c r="E96" s="249"/>
      <c r="F96" s="49"/>
    </row>
    <row r="97" spans="2:6" s="93" customFormat="1">
      <c r="B97" s="251"/>
      <c r="C97" s="251"/>
      <c r="D97" s="99" t="s">
        <v>121</v>
      </c>
      <c r="E97" s="99" t="s">
        <v>215</v>
      </c>
      <c r="F97" s="49"/>
    </row>
    <row r="98" spans="2:6" s="93" customFormat="1">
      <c r="B98" s="264" t="s">
        <v>849</v>
      </c>
      <c r="C98" s="12" t="s">
        <v>1055</v>
      </c>
      <c r="D98" s="157"/>
      <c r="E98" s="244"/>
      <c r="F98" s="49"/>
    </row>
    <row r="99" spans="2:6" s="93" customFormat="1">
      <c r="B99" s="254"/>
      <c r="C99" s="11" t="s">
        <v>277</v>
      </c>
      <c r="D99" s="78"/>
      <c r="E99" s="245"/>
      <c r="F99" s="49"/>
    </row>
    <row r="100" spans="2:6" s="93" customFormat="1">
      <c r="B100" s="254"/>
      <c r="C100" s="70" t="s">
        <v>86</v>
      </c>
      <c r="D100" s="78"/>
      <c r="E100" s="245"/>
      <c r="F100" s="49"/>
    </row>
    <row r="101" spans="2:6" s="93" customFormat="1">
      <c r="B101" s="122"/>
      <c r="C101" s="70"/>
      <c r="D101" s="78"/>
      <c r="E101" s="245"/>
      <c r="F101" s="49"/>
    </row>
    <row r="102" spans="2:6" s="93" customFormat="1">
      <c r="B102" s="123"/>
      <c r="C102" s="124"/>
      <c r="D102" s="102"/>
      <c r="E102" s="246"/>
      <c r="F102" s="49"/>
    </row>
    <row r="103" spans="2:6" s="93" customFormat="1">
      <c r="B103" s="127"/>
      <c r="C103" s="132"/>
      <c r="D103" s="103"/>
      <c r="E103" s="159"/>
      <c r="F103" s="49"/>
    </row>
    <row r="104" spans="2:6" s="93" customFormat="1">
      <c r="B104" s="13" t="s">
        <v>1320</v>
      </c>
      <c r="C104" s="14"/>
      <c r="D104" s="108"/>
      <c r="E104" s="108"/>
      <c r="F104" s="49"/>
    </row>
    <row r="105" spans="2:6" s="93" customFormat="1">
      <c r="B105" s="250" t="s">
        <v>213</v>
      </c>
      <c r="C105" s="250" t="s">
        <v>214</v>
      </c>
      <c r="D105" s="248" t="s">
        <v>1063</v>
      </c>
      <c r="E105" s="249"/>
      <c r="F105" s="49"/>
    </row>
    <row r="106" spans="2:6" s="93" customFormat="1">
      <c r="B106" s="251"/>
      <c r="C106" s="251"/>
      <c r="D106" s="99" t="s">
        <v>121</v>
      </c>
      <c r="E106" s="99" t="s">
        <v>215</v>
      </c>
      <c r="F106" s="49"/>
    </row>
    <row r="107" spans="2:6" s="93" customFormat="1">
      <c r="B107" s="12" t="s">
        <v>851</v>
      </c>
      <c r="C107" s="12" t="s">
        <v>49</v>
      </c>
      <c r="D107" s="104"/>
      <c r="E107" s="244"/>
      <c r="F107" s="49"/>
    </row>
    <row r="108" spans="2:6" s="93" customFormat="1">
      <c r="B108" s="122"/>
      <c r="C108" s="70"/>
      <c r="D108" s="78"/>
      <c r="E108" s="245"/>
      <c r="F108" s="49"/>
    </row>
    <row r="109" spans="2:6" s="93" customFormat="1">
      <c r="B109" s="123"/>
      <c r="C109" s="124"/>
      <c r="D109" s="102"/>
      <c r="E109" s="246"/>
      <c r="F109" s="49"/>
    </row>
    <row r="110" spans="2:6" s="93" customFormat="1">
      <c r="B110" s="127"/>
      <c r="C110" s="132"/>
      <c r="D110" s="103"/>
      <c r="E110" s="159"/>
      <c r="F110" s="49"/>
    </row>
    <row r="111" spans="2:6" s="93" customFormat="1">
      <c r="B111" s="13" t="s">
        <v>1321</v>
      </c>
      <c r="C111" s="14"/>
      <c r="D111" s="108"/>
      <c r="E111" s="108"/>
      <c r="F111" s="49"/>
    </row>
    <row r="112" spans="2:6" s="93" customFormat="1">
      <c r="B112" s="250" t="s">
        <v>213</v>
      </c>
      <c r="C112" s="250" t="s">
        <v>214</v>
      </c>
      <c r="D112" s="248" t="s">
        <v>1063</v>
      </c>
      <c r="E112" s="249"/>
      <c r="F112" s="49"/>
    </row>
    <row r="113" spans="2:6" s="93" customFormat="1">
      <c r="B113" s="251"/>
      <c r="C113" s="251"/>
      <c r="D113" s="99" t="s">
        <v>121</v>
      </c>
      <c r="E113" s="99" t="s">
        <v>215</v>
      </c>
      <c r="F113" s="49"/>
    </row>
    <row r="114" spans="2:6" s="93" customFormat="1">
      <c r="B114" s="262" t="s">
        <v>852</v>
      </c>
      <c r="C114" s="12" t="s">
        <v>1055</v>
      </c>
      <c r="D114" s="157"/>
      <c r="E114" s="244"/>
      <c r="F114" s="49"/>
    </row>
    <row r="115" spans="2:6" s="93" customFormat="1">
      <c r="B115" s="260"/>
      <c r="C115" s="11" t="s">
        <v>87</v>
      </c>
      <c r="D115" s="78"/>
      <c r="E115" s="245"/>
      <c r="F115" s="49"/>
    </row>
    <row r="116" spans="2:6" s="93" customFormat="1">
      <c r="B116" s="260"/>
      <c r="C116" s="11" t="s">
        <v>88</v>
      </c>
      <c r="D116" s="78"/>
      <c r="E116" s="245"/>
      <c r="F116" s="49"/>
    </row>
    <row r="117" spans="2:6" s="93" customFormat="1">
      <c r="B117" s="260"/>
      <c r="C117" s="11" t="s">
        <v>89</v>
      </c>
      <c r="D117" s="78"/>
      <c r="E117" s="245"/>
      <c r="F117" s="49"/>
    </row>
    <row r="118" spans="2:6" s="93" customFormat="1">
      <c r="B118" s="260"/>
      <c r="C118" s="11" t="s">
        <v>90</v>
      </c>
      <c r="D118" s="78"/>
      <c r="E118" s="245"/>
      <c r="F118" s="49"/>
    </row>
    <row r="119" spans="2:6" s="93" customFormat="1">
      <c r="B119" s="260"/>
      <c r="C119" s="70" t="s">
        <v>86</v>
      </c>
      <c r="D119" s="78"/>
      <c r="E119" s="245"/>
      <c r="F119" s="49"/>
    </row>
    <row r="120" spans="2:6" s="93" customFormat="1">
      <c r="B120" s="261"/>
      <c r="C120" s="70" t="s">
        <v>853</v>
      </c>
      <c r="D120" s="78"/>
      <c r="E120" s="245"/>
      <c r="F120" s="49"/>
    </row>
    <row r="121" spans="2:6" s="93" customFormat="1">
      <c r="B121" s="122"/>
      <c r="C121" s="70"/>
      <c r="D121" s="78"/>
      <c r="E121" s="245"/>
      <c r="F121" s="49"/>
    </row>
    <row r="122" spans="2:6" s="93" customFormat="1">
      <c r="B122" s="123"/>
      <c r="C122" s="124"/>
      <c r="D122" s="102"/>
      <c r="E122" s="246"/>
      <c r="F122" s="49"/>
    </row>
    <row r="123" spans="2:6" s="93" customFormat="1">
      <c r="B123" s="131"/>
      <c r="C123" s="128"/>
      <c r="D123" s="103"/>
      <c r="E123" s="103"/>
      <c r="F123" s="49"/>
    </row>
    <row r="124" spans="2:6" s="93" customFormat="1">
      <c r="B124" s="127" t="s">
        <v>1322</v>
      </c>
      <c r="C124" s="132"/>
      <c r="D124" s="103"/>
      <c r="E124" s="159"/>
      <c r="F124" s="49"/>
    </row>
    <row r="125" spans="2:6" s="93" customFormat="1">
      <c r="B125" s="13" t="s">
        <v>1323</v>
      </c>
      <c r="C125" s="14"/>
      <c r="D125" s="108"/>
      <c r="E125" s="108"/>
      <c r="F125" s="49"/>
    </row>
    <row r="126" spans="2:6" s="93" customFormat="1">
      <c r="B126" s="250" t="s">
        <v>213</v>
      </c>
      <c r="C126" s="250" t="s">
        <v>214</v>
      </c>
      <c r="D126" s="248" t="s">
        <v>1063</v>
      </c>
      <c r="E126" s="249"/>
      <c r="F126" s="49"/>
    </row>
    <row r="127" spans="2:6" s="93" customFormat="1">
      <c r="B127" s="251"/>
      <c r="C127" s="251"/>
      <c r="D127" s="99" t="s">
        <v>121</v>
      </c>
      <c r="E127" s="99" t="s">
        <v>215</v>
      </c>
      <c r="F127" s="49"/>
    </row>
    <row r="128" spans="2:6" s="93" customFormat="1">
      <c r="B128" s="264" t="s">
        <v>854</v>
      </c>
      <c r="C128" s="12" t="s">
        <v>1055</v>
      </c>
      <c r="D128" s="157"/>
      <c r="E128" s="244"/>
      <c r="F128" s="49"/>
    </row>
    <row r="129" spans="2:6" s="93" customFormat="1">
      <c r="B129" s="254"/>
      <c r="C129" s="11" t="s">
        <v>544</v>
      </c>
      <c r="D129" s="78"/>
      <c r="E129" s="245"/>
      <c r="F129" s="49"/>
    </row>
    <row r="130" spans="2:6" s="93" customFormat="1">
      <c r="B130" s="254"/>
      <c r="C130" s="70" t="s">
        <v>86</v>
      </c>
      <c r="D130" s="78"/>
      <c r="E130" s="245"/>
      <c r="F130" s="49"/>
    </row>
    <row r="131" spans="2:6" s="93" customFormat="1">
      <c r="B131" s="254"/>
      <c r="C131" s="70" t="s">
        <v>853</v>
      </c>
      <c r="D131" s="78"/>
      <c r="E131" s="245"/>
      <c r="F131" s="49"/>
    </row>
    <row r="132" spans="2:6" s="93" customFormat="1">
      <c r="B132" s="122"/>
      <c r="C132" s="70"/>
      <c r="D132" s="78"/>
      <c r="E132" s="245"/>
      <c r="F132" s="49"/>
    </row>
    <row r="133" spans="2:6" s="93" customFormat="1">
      <c r="B133" s="123"/>
      <c r="C133" s="124"/>
      <c r="D133" s="102"/>
      <c r="E133" s="246"/>
      <c r="F133" s="49"/>
    </row>
    <row r="134" spans="2:6" s="93" customFormat="1">
      <c r="B134" s="127"/>
      <c r="C134" s="132"/>
      <c r="D134" s="103"/>
      <c r="E134" s="159"/>
      <c r="F134" s="49"/>
    </row>
    <row r="135" spans="2:6" s="93" customFormat="1">
      <c r="B135" s="13" t="s">
        <v>1324</v>
      </c>
      <c r="C135" s="14"/>
      <c r="D135" s="108"/>
      <c r="E135" s="108"/>
      <c r="F135" s="49"/>
    </row>
    <row r="136" spans="2:6" s="93" customFormat="1">
      <c r="B136" s="250" t="s">
        <v>213</v>
      </c>
      <c r="C136" s="250" t="s">
        <v>214</v>
      </c>
      <c r="D136" s="248" t="s">
        <v>1063</v>
      </c>
      <c r="E136" s="249"/>
      <c r="F136" s="49"/>
    </row>
    <row r="137" spans="2:6" s="93" customFormat="1">
      <c r="B137" s="251"/>
      <c r="C137" s="251"/>
      <c r="D137" s="99" t="s">
        <v>121</v>
      </c>
      <c r="E137" s="99" t="s">
        <v>215</v>
      </c>
      <c r="F137" s="49"/>
    </row>
    <row r="138" spans="2:6" s="93" customFormat="1">
      <c r="B138" s="262" t="s">
        <v>855</v>
      </c>
      <c r="C138" s="12" t="s">
        <v>1055</v>
      </c>
      <c r="D138" s="157"/>
      <c r="E138" s="244"/>
      <c r="F138" s="49"/>
    </row>
    <row r="139" spans="2:6" s="93" customFormat="1">
      <c r="B139" s="260"/>
      <c r="C139" s="11" t="s">
        <v>91</v>
      </c>
      <c r="D139" s="78"/>
      <c r="E139" s="245"/>
      <c r="F139" s="49"/>
    </row>
    <row r="140" spans="2:6" s="93" customFormat="1">
      <c r="B140" s="260"/>
      <c r="C140" s="70" t="s">
        <v>856</v>
      </c>
      <c r="D140" s="78"/>
      <c r="E140" s="245"/>
      <c r="F140" s="49"/>
    </row>
    <row r="141" spans="2:6" s="93" customFormat="1">
      <c r="B141" s="261"/>
      <c r="C141" s="70" t="s">
        <v>848</v>
      </c>
      <c r="D141" s="78"/>
      <c r="E141" s="245"/>
      <c r="F141" s="49"/>
    </row>
    <row r="142" spans="2:6" s="93" customFormat="1">
      <c r="B142" s="122"/>
      <c r="C142" s="70"/>
      <c r="D142" s="78"/>
      <c r="E142" s="245"/>
      <c r="F142" s="49"/>
    </row>
    <row r="143" spans="2:6" s="93" customFormat="1">
      <c r="B143" s="123"/>
      <c r="C143" s="124"/>
      <c r="D143" s="102"/>
      <c r="E143" s="246"/>
      <c r="F143" s="49"/>
    </row>
    <row r="144" spans="2:6" s="93" customFormat="1">
      <c r="B144" s="127"/>
      <c r="C144" s="132"/>
      <c r="D144" s="103"/>
      <c r="E144" s="159"/>
      <c r="F144" s="49"/>
    </row>
    <row r="145" spans="2:6" s="93" customFormat="1">
      <c r="B145" s="243" t="s">
        <v>1325</v>
      </c>
      <c r="C145" s="243"/>
      <c r="D145" s="108"/>
      <c r="E145" s="108"/>
      <c r="F145" s="49"/>
    </row>
    <row r="146" spans="2:6" s="93" customFormat="1">
      <c r="B146" s="250" t="s">
        <v>213</v>
      </c>
      <c r="C146" s="250" t="s">
        <v>214</v>
      </c>
      <c r="D146" s="248" t="s">
        <v>1063</v>
      </c>
      <c r="E146" s="249"/>
      <c r="F146" s="49"/>
    </row>
    <row r="147" spans="2:6" s="93" customFormat="1">
      <c r="B147" s="251"/>
      <c r="C147" s="251"/>
      <c r="D147" s="99" t="s">
        <v>121</v>
      </c>
      <c r="E147" s="99" t="s">
        <v>215</v>
      </c>
      <c r="F147" s="49"/>
    </row>
    <row r="148" spans="2:6" s="93" customFormat="1">
      <c r="B148" s="262" t="s">
        <v>857</v>
      </c>
      <c r="C148" s="12" t="s">
        <v>1055</v>
      </c>
      <c r="D148" s="157"/>
      <c r="E148" s="244"/>
      <c r="F148" s="49"/>
    </row>
    <row r="149" spans="2:6" s="93" customFormat="1">
      <c r="B149" s="260"/>
      <c r="C149" s="11" t="s">
        <v>1326</v>
      </c>
      <c r="D149" s="78"/>
      <c r="E149" s="245"/>
      <c r="F149" s="49"/>
    </row>
    <row r="150" spans="2:6" s="93" customFormat="1">
      <c r="B150" s="260"/>
      <c r="C150" s="70" t="s">
        <v>856</v>
      </c>
      <c r="D150" s="78"/>
      <c r="E150" s="245"/>
      <c r="F150" s="49"/>
    </row>
    <row r="151" spans="2:6" s="93" customFormat="1">
      <c r="B151" s="261"/>
      <c r="C151" s="70" t="s">
        <v>848</v>
      </c>
      <c r="D151" s="78"/>
      <c r="E151" s="245"/>
      <c r="F151" s="49"/>
    </row>
    <row r="152" spans="2:6" s="93" customFormat="1">
      <c r="B152" s="122"/>
      <c r="C152" s="70"/>
      <c r="D152" s="78"/>
      <c r="E152" s="245"/>
      <c r="F152" s="49"/>
    </row>
    <row r="153" spans="2:6" s="93" customFormat="1">
      <c r="B153" s="123"/>
      <c r="C153" s="124"/>
      <c r="D153" s="102"/>
      <c r="E153" s="246"/>
      <c r="F153" s="49"/>
    </row>
    <row r="154" spans="2:6" s="93" customFormat="1">
      <c r="B154" s="131"/>
      <c r="C154" s="128"/>
      <c r="D154" s="103"/>
      <c r="E154" s="103"/>
      <c r="F154" s="49"/>
    </row>
    <row r="155" spans="2:6" s="93" customFormat="1">
      <c r="B155" s="127" t="s">
        <v>1327</v>
      </c>
      <c r="C155" s="132"/>
      <c r="D155" s="103"/>
      <c r="E155" s="159"/>
      <c r="F155" s="49"/>
    </row>
    <row r="156" spans="2:6" s="93" customFormat="1">
      <c r="B156" s="13" t="s">
        <v>1328</v>
      </c>
      <c r="C156" s="14"/>
      <c r="D156" s="108"/>
      <c r="E156" s="108"/>
      <c r="F156" s="49"/>
    </row>
    <row r="157" spans="2:6" s="93" customFormat="1">
      <c r="B157" s="250" t="s">
        <v>213</v>
      </c>
      <c r="C157" s="250" t="s">
        <v>214</v>
      </c>
      <c r="D157" s="248" t="s">
        <v>1063</v>
      </c>
      <c r="E157" s="249"/>
      <c r="F157" s="49"/>
    </row>
    <row r="158" spans="2:6" s="93" customFormat="1">
      <c r="B158" s="251"/>
      <c r="C158" s="251"/>
      <c r="D158" s="99" t="s">
        <v>121</v>
      </c>
      <c r="E158" s="99" t="s">
        <v>215</v>
      </c>
      <c r="F158" s="49"/>
    </row>
    <row r="159" spans="2:6" s="93" customFormat="1">
      <c r="B159" s="262" t="s">
        <v>858</v>
      </c>
      <c r="C159" s="12" t="s">
        <v>1055</v>
      </c>
      <c r="D159" s="157"/>
      <c r="E159" s="244"/>
      <c r="F159" s="49"/>
    </row>
    <row r="160" spans="2:6" s="93" customFormat="1">
      <c r="B160" s="260"/>
      <c r="C160" s="11" t="s">
        <v>860</v>
      </c>
      <c r="D160" s="78"/>
      <c r="E160" s="245"/>
      <c r="F160" s="49"/>
    </row>
    <row r="161" spans="2:6" s="93" customFormat="1">
      <c r="B161" s="260"/>
      <c r="C161" s="11" t="s">
        <v>93</v>
      </c>
      <c r="D161" s="78"/>
      <c r="E161" s="245"/>
      <c r="F161" s="49"/>
    </row>
    <row r="162" spans="2:6" s="93" customFormat="1">
      <c r="B162" s="260"/>
      <c r="C162" s="11" t="s">
        <v>92</v>
      </c>
      <c r="D162" s="78"/>
      <c r="E162" s="245"/>
      <c r="F162" s="49"/>
    </row>
    <row r="163" spans="2:6" s="93" customFormat="1">
      <c r="B163" s="260"/>
      <c r="C163" s="11" t="s">
        <v>543</v>
      </c>
      <c r="D163" s="78"/>
      <c r="E163" s="245"/>
      <c r="F163" s="49"/>
    </row>
    <row r="164" spans="2:6" s="93" customFormat="1">
      <c r="B164" s="260"/>
      <c r="C164" s="11" t="s">
        <v>94</v>
      </c>
      <c r="D164" s="78"/>
      <c r="E164" s="245"/>
      <c r="F164" s="49"/>
    </row>
    <row r="165" spans="2:6" s="93" customFormat="1">
      <c r="B165" s="260"/>
      <c r="C165" s="11" t="s">
        <v>95</v>
      </c>
      <c r="D165" s="78"/>
      <c r="E165" s="245"/>
      <c r="F165" s="49"/>
    </row>
    <row r="166" spans="2:6" s="93" customFormat="1">
      <c r="B166" s="260"/>
      <c r="C166" s="11" t="s">
        <v>96</v>
      </c>
      <c r="D166" s="78"/>
      <c r="E166" s="245"/>
      <c r="F166" s="49"/>
    </row>
    <row r="167" spans="2:6" s="93" customFormat="1">
      <c r="B167" s="260"/>
      <c r="C167" s="11" t="s">
        <v>97</v>
      </c>
      <c r="D167" s="78"/>
      <c r="E167" s="245"/>
      <c r="F167" s="49"/>
    </row>
    <row r="168" spans="2:6" s="93" customFormat="1">
      <c r="B168" s="260"/>
      <c r="C168" s="70" t="s">
        <v>548</v>
      </c>
      <c r="D168" s="78"/>
      <c r="E168" s="245"/>
      <c r="F168" s="49"/>
    </row>
    <row r="169" spans="2:6" s="93" customFormat="1">
      <c r="B169" s="260"/>
      <c r="C169" s="70" t="s">
        <v>549</v>
      </c>
      <c r="D169" s="78"/>
      <c r="E169" s="245"/>
      <c r="F169" s="49"/>
    </row>
    <row r="170" spans="2:6" s="93" customFormat="1">
      <c r="B170" s="260"/>
      <c r="C170" s="70" t="s">
        <v>550</v>
      </c>
      <c r="D170" s="78"/>
      <c r="E170" s="245"/>
      <c r="F170" s="49"/>
    </row>
    <row r="171" spans="2:6" s="93" customFormat="1">
      <c r="B171" s="260"/>
      <c r="C171" s="70" t="s">
        <v>856</v>
      </c>
      <c r="D171" s="78"/>
      <c r="E171" s="245"/>
      <c r="F171" s="49"/>
    </row>
    <row r="172" spans="2:6" s="93" customFormat="1">
      <c r="B172" s="260"/>
      <c r="C172" s="70" t="s">
        <v>848</v>
      </c>
      <c r="D172" s="78"/>
      <c r="E172" s="245"/>
      <c r="F172" s="49"/>
    </row>
    <row r="173" spans="2:6" s="93" customFormat="1">
      <c r="B173" s="77"/>
      <c r="C173" s="70"/>
      <c r="D173" s="78"/>
      <c r="E173" s="245"/>
      <c r="F173" s="49"/>
    </row>
    <row r="174" spans="2:6" s="93" customFormat="1">
      <c r="B174" s="123"/>
      <c r="C174" s="124"/>
      <c r="D174" s="102"/>
      <c r="E174" s="246"/>
      <c r="F174" s="49"/>
    </row>
    <row r="175" spans="2:6" s="93" customFormat="1">
      <c r="B175" s="127"/>
      <c r="C175" s="132"/>
      <c r="D175" s="103"/>
      <c r="E175" s="159"/>
      <c r="F175" s="49"/>
    </row>
    <row r="176" spans="2:6" s="93" customFormat="1">
      <c r="B176" s="13" t="s">
        <v>1329</v>
      </c>
      <c r="C176" s="14"/>
      <c r="D176" s="108"/>
      <c r="E176" s="108"/>
      <c r="F176" s="49"/>
    </row>
    <row r="177" spans="2:6" s="93" customFormat="1">
      <c r="B177" s="250" t="s">
        <v>213</v>
      </c>
      <c r="C177" s="250" t="s">
        <v>214</v>
      </c>
      <c r="D177" s="248" t="s">
        <v>1063</v>
      </c>
      <c r="E177" s="249"/>
      <c r="F177" s="49"/>
    </row>
    <row r="178" spans="2:6" s="93" customFormat="1">
      <c r="B178" s="251"/>
      <c r="C178" s="251"/>
      <c r="D178" s="99" t="s">
        <v>121</v>
      </c>
      <c r="E178" s="99" t="s">
        <v>215</v>
      </c>
      <c r="F178" s="49"/>
    </row>
    <row r="179" spans="2:6" s="93" customFormat="1">
      <c r="B179" s="262" t="s">
        <v>859</v>
      </c>
      <c r="C179" s="12" t="s">
        <v>1055</v>
      </c>
      <c r="D179" s="157"/>
      <c r="E179" s="244"/>
      <c r="F179" s="49"/>
    </row>
    <row r="180" spans="2:6" s="93" customFormat="1">
      <c r="B180" s="260"/>
      <c r="C180" s="11" t="s">
        <v>1330</v>
      </c>
      <c r="D180" s="78"/>
      <c r="E180" s="245"/>
      <c r="F180" s="49"/>
    </row>
    <row r="181" spans="2:6" s="93" customFormat="1">
      <c r="B181" s="260"/>
      <c r="C181" s="70" t="s">
        <v>856</v>
      </c>
      <c r="D181" s="78"/>
      <c r="E181" s="245"/>
      <c r="F181" s="49"/>
    </row>
    <row r="182" spans="2:6" s="93" customFormat="1">
      <c r="B182" s="261"/>
      <c r="C182" s="70" t="s">
        <v>848</v>
      </c>
      <c r="D182" s="78"/>
      <c r="E182" s="245"/>
      <c r="F182" s="49"/>
    </row>
    <row r="183" spans="2:6" s="93" customFormat="1">
      <c r="B183" s="123"/>
      <c r="C183" s="124"/>
      <c r="D183" s="102"/>
      <c r="E183" s="246"/>
      <c r="F183" s="49"/>
    </row>
    <row r="184" spans="2:6" s="93" customFormat="1">
      <c r="B184" s="127"/>
      <c r="C184" s="132"/>
      <c r="D184" s="103"/>
      <c r="E184" s="159"/>
      <c r="F184" s="49"/>
    </row>
    <row r="185" spans="2:6" s="93" customFormat="1">
      <c r="B185" s="13" t="s">
        <v>1331</v>
      </c>
      <c r="C185" s="14"/>
      <c r="D185" s="108"/>
      <c r="E185" s="108"/>
      <c r="F185" s="49"/>
    </row>
    <row r="186" spans="2:6" s="93" customFormat="1">
      <c r="B186" s="250" t="s">
        <v>213</v>
      </c>
      <c r="C186" s="250" t="s">
        <v>214</v>
      </c>
      <c r="D186" s="248" t="s">
        <v>1063</v>
      </c>
      <c r="E186" s="249"/>
      <c r="F186" s="49"/>
    </row>
    <row r="187" spans="2:6" s="93" customFormat="1">
      <c r="B187" s="251"/>
      <c r="C187" s="251"/>
      <c r="D187" s="99" t="s">
        <v>121</v>
      </c>
      <c r="E187" s="99" t="s">
        <v>215</v>
      </c>
      <c r="F187" s="49"/>
    </row>
    <row r="188" spans="2:6" s="93" customFormat="1">
      <c r="B188" s="262" t="s">
        <v>861</v>
      </c>
      <c r="C188" s="12" t="s">
        <v>1055</v>
      </c>
      <c r="D188" s="157"/>
      <c r="E188" s="244"/>
      <c r="F188" s="49"/>
    </row>
    <row r="189" spans="2:6" s="93" customFormat="1">
      <c r="B189" s="260"/>
      <c r="C189" s="11" t="s">
        <v>98</v>
      </c>
      <c r="D189" s="78"/>
      <c r="E189" s="245"/>
      <c r="F189" s="49"/>
    </row>
    <row r="190" spans="2:6" s="93" customFormat="1">
      <c r="B190" s="260"/>
      <c r="C190" s="11" t="s">
        <v>99</v>
      </c>
      <c r="D190" s="78"/>
      <c r="E190" s="245"/>
      <c r="F190" s="49"/>
    </row>
    <row r="191" spans="2:6" s="93" customFormat="1">
      <c r="B191" s="260"/>
      <c r="C191" s="11" t="s">
        <v>862</v>
      </c>
      <c r="D191" s="78"/>
      <c r="E191" s="245"/>
      <c r="F191" s="49"/>
    </row>
    <row r="192" spans="2:6" s="93" customFormat="1">
      <c r="B192" s="260"/>
      <c r="C192" s="11" t="s">
        <v>102</v>
      </c>
      <c r="D192" s="78"/>
      <c r="E192" s="245"/>
      <c r="F192" s="49"/>
    </row>
    <row r="193" spans="2:6" s="93" customFormat="1">
      <c r="B193" s="260"/>
      <c r="C193" s="11" t="s">
        <v>100</v>
      </c>
      <c r="D193" s="78"/>
      <c r="E193" s="245"/>
      <c r="F193" s="49"/>
    </row>
    <row r="194" spans="2:6" s="93" customFormat="1">
      <c r="B194" s="260"/>
      <c r="C194" s="11" t="s">
        <v>101</v>
      </c>
      <c r="D194" s="78"/>
      <c r="E194" s="245"/>
      <c r="F194" s="49"/>
    </row>
    <row r="195" spans="2:6" s="93" customFormat="1">
      <c r="B195" s="260"/>
      <c r="C195" s="70" t="s">
        <v>551</v>
      </c>
      <c r="D195" s="78"/>
      <c r="E195" s="245"/>
      <c r="F195" s="49"/>
    </row>
    <row r="196" spans="2:6" s="93" customFormat="1">
      <c r="B196" s="260"/>
      <c r="C196" s="70" t="s">
        <v>856</v>
      </c>
      <c r="D196" s="78"/>
      <c r="E196" s="245"/>
      <c r="F196" s="49"/>
    </row>
    <row r="197" spans="2:6" s="93" customFormat="1">
      <c r="B197" s="261"/>
      <c r="C197" s="70" t="s">
        <v>848</v>
      </c>
      <c r="D197" s="78"/>
      <c r="E197" s="245"/>
      <c r="F197" s="49"/>
    </row>
    <row r="198" spans="2:6" s="93" customFormat="1">
      <c r="B198" s="122"/>
      <c r="C198" s="70"/>
      <c r="D198" s="78"/>
      <c r="E198" s="245"/>
      <c r="F198" s="49"/>
    </row>
    <row r="199" spans="2:6" s="93" customFormat="1">
      <c r="B199" s="123"/>
      <c r="C199" s="124"/>
      <c r="D199" s="102"/>
      <c r="E199" s="246"/>
      <c r="F199" s="49"/>
    </row>
    <row r="200" spans="2:6" s="93" customFormat="1">
      <c r="B200" s="127"/>
      <c r="C200" s="132"/>
      <c r="D200" s="103"/>
      <c r="E200" s="159"/>
      <c r="F200" s="49"/>
    </row>
    <row r="201" spans="2:6" s="93" customFormat="1">
      <c r="B201" s="13" t="s">
        <v>1332</v>
      </c>
      <c r="C201" s="14"/>
      <c r="D201" s="108"/>
      <c r="E201" s="108"/>
      <c r="F201" s="49"/>
    </row>
    <row r="202" spans="2:6" s="93" customFormat="1">
      <c r="B202" s="250" t="s">
        <v>213</v>
      </c>
      <c r="C202" s="250" t="s">
        <v>214</v>
      </c>
      <c r="D202" s="248" t="s">
        <v>1063</v>
      </c>
      <c r="E202" s="249"/>
      <c r="F202" s="49"/>
    </row>
    <row r="203" spans="2:6" s="93" customFormat="1">
      <c r="B203" s="251"/>
      <c r="C203" s="251"/>
      <c r="D203" s="99" t="s">
        <v>121</v>
      </c>
      <c r="E203" s="99" t="s">
        <v>215</v>
      </c>
      <c r="F203" s="49"/>
    </row>
    <row r="204" spans="2:6" s="93" customFormat="1">
      <c r="B204" s="262" t="s">
        <v>863</v>
      </c>
      <c r="C204" s="12" t="s">
        <v>1055</v>
      </c>
      <c r="D204" s="157"/>
      <c r="E204" s="244"/>
      <c r="F204" s="49"/>
    </row>
    <row r="205" spans="2:6" s="93" customFormat="1">
      <c r="B205" s="260"/>
      <c r="C205" s="11" t="s">
        <v>1333</v>
      </c>
      <c r="D205" s="78"/>
      <c r="E205" s="245"/>
      <c r="F205" s="49"/>
    </row>
    <row r="206" spans="2:6" s="93" customFormat="1">
      <c r="B206" s="260"/>
      <c r="C206" s="11" t="s">
        <v>112</v>
      </c>
      <c r="D206" s="78"/>
      <c r="E206" s="245"/>
      <c r="F206" s="49"/>
    </row>
    <row r="207" spans="2:6" s="93" customFormat="1">
      <c r="B207" s="260"/>
      <c r="C207" s="11" t="s">
        <v>1334</v>
      </c>
      <c r="D207" s="78"/>
      <c r="E207" s="245"/>
      <c r="F207" s="49"/>
    </row>
    <row r="208" spans="2:6" s="93" customFormat="1">
      <c r="B208" s="260"/>
      <c r="C208" s="70" t="s">
        <v>551</v>
      </c>
      <c r="D208" s="78"/>
      <c r="E208" s="245"/>
      <c r="F208" s="49"/>
    </row>
    <row r="209" spans="2:6" s="93" customFormat="1">
      <c r="B209" s="260"/>
      <c r="C209" s="70" t="s">
        <v>856</v>
      </c>
      <c r="D209" s="78"/>
      <c r="E209" s="245"/>
      <c r="F209" s="49"/>
    </row>
    <row r="210" spans="2:6" s="93" customFormat="1">
      <c r="B210" s="261"/>
      <c r="C210" s="70" t="s">
        <v>848</v>
      </c>
      <c r="D210" s="78"/>
      <c r="E210" s="245"/>
      <c r="F210" s="49"/>
    </row>
    <row r="211" spans="2:6" s="93" customFormat="1">
      <c r="B211" s="122"/>
      <c r="C211" s="70"/>
      <c r="D211" s="78"/>
      <c r="E211" s="245"/>
      <c r="F211" s="49"/>
    </row>
    <row r="212" spans="2:6" s="93" customFormat="1">
      <c r="B212" s="123"/>
      <c r="C212" s="124"/>
      <c r="D212" s="102"/>
      <c r="E212" s="246"/>
      <c r="F212" s="49"/>
    </row>
    <row r="213" spans="2:6" s="93" customFormat="1">
      <c r="B213" s="131"/>
      <c r="C213" s="128"/>
      <c r="D213" s="103"/>
      <c r="E213" s="103"/>
      <c r="F213" s="49"/>
    </row>
    <row r="214" spans="2:6" s="93" customFormat="1">
      <c r="B214" s="13" t="s">
        <v>1335</v>
      </c>
      <c r="C214" s="132"/>
      <c r="D214" s="103"/>
      <c r="E214" s="159"/>
      <c r="F214" s="49"/>
    </row>
    <row r="215" spans="2:6" s="93" customFormat="1">
      <c r="B215" s="243" t="s">
        <v>1336</v>
      </c>
      <c r="C215" s="243"/>
      <c r="D215" s="108"/>
      <c r="E215" s="108"/>
      <c r="F215" s="49"/>
    </row>
    <row r="216" spans="2:6" s="93" customFormat="1">
      <c r="B216" s="250" t="s">
        <v>213</v>
      </c>
      <c r="C216" s="250" t="s">
        <v>214</v>
      </c>
      <c r="D216" s="248" t="s">
        <v>1063</v>
      </c>
      <c r="E216" s="249"/>
      <c r="F216" s="49"/>
    </row>
    <row r="217" spans="2:6" s="93" customFormat="1">
      <c r="B217" s="251"/>
      <c r="C217" s="251"/>
      <c r="D217" s="99" t="s">
        <v>121</v>
      </c>
      <c r="E217" s="99" t="s">
        <v>215</v>
      </c>
      <c r="F217" s="49"/>
    </row>
    <row r="218" spans="2:6" s="93" customFormat="1">
      <c r="B218" s="288" t="s">
        <v>864</v>
      </c>
      <c r="C218" s="12" t="s">
        <v>1055</v>
      </c>
      <c r="D218" s="157"/>
      <c r="E218" s="244"/>
      <c r="F218" s="49"/>
    </row>
    <row r="219" spans="2:6" s="93" customFormat="1">
      <c r="B219" s="289"/>
      <c r="C219" s="11" t="s">
        <v>865</v>
      </c>
      <c r="D219" s="78"/>
      <c r="E219" s="245"/>
      <c r="F219" s="49"/>
    </row>
    <row r="220" spans="2:6" s="93" customFormat="1">
      <c r="B220" s="289"/>
      <c r="C220" s="11" t="s">
        <v>866</v>
      </c>
      <c r="D220" s="78"/>
      <c r="E220" s="245"/>
      <c r="F220" s="49"/>
    </row>
    <row r="221" spans="2:6" s="93" customFormat="1">
      <c r="B221" s="289"/>
      <c r="C221" s="11" t="s">
        <v>867</v>
      </c>
      <c r="D221" s="78"/>
      <c r="E221" s="245"/>
      <c r="F221" s="49"/>
    </row>
    <row r="222" spans="2:6" s="93" customFormat="1">
      <c r="B222" s="289"/>
      <c r="C222" s="11" t="s">
        <v>103</v>
      </c>
      <c r="D222" s="78"/>
      <c r="E222" s="245"/>
      <c r="F222" s="49"/>
    </row>
    <row r="223" spans="2:6" s="93" customFormat="1">
      <c r="B223" s="289"/>
      <c r="C223" s="70" t="s">
        <v>856</v>
      </c>
      <c r="D223" s="78"/>
      <c r="E223" s="245"/>
      <c r="F223" s="49"/>
    </row>
    <row r="224" spans="2:6" s="93" customFormat="1">
      <c r="B224" s="290"/>
      <c r="C224" s="70" t="s">
        <v>848</v>
      </c>
      <c r="D224" s="78"/>
      <c r="E224" s="245"/>
      <c r="F224" s="49"/>
    </row>
    <row r="225" spans="2:6" s="93" customFormat="1">
      <c r="B225" s="122"/>
      <c r="C225" s="70"/>
      <c r="D225" s="78"/>
      <c r="E225" s="245"/>
      <c r="F225" s="49"/>
    </row>
    <row r="226" spans="2:6" s="93" customFormat="1">
      <c r="B226" s="123"/>
      <c r="C226" s="124"/>
      <c r="D226" s="102"/>
      <c r="E226" s="246"/>
      <c r="F226" s="49"/>
    </row>
    <row r="227" spans="2:6" s="93" customFormat="1">
      <c r="B227" s="127"/>
      <c r="C227" s="132"/>
      <c r="D227" s="103"/>
      <c r="E227" s="159"/>
      <c r="F227" s="49"/>
    </row>
    <row r="228" spans="2:6" s="93" customFormat="1">
      <c r="B228" s="13" t="s">
        <v>1337</v>
      </c>
      <c r="C228" s="14"/>
      <c r="D228" s="108"/>
      <c r="E228" s="108"/>
      <c r="F228" s="49"/>
    </row>
    <row r="229" spans="2:6" s="93" customFormat="1">
      <c r="B229" s="250" t="s">
        <v>213</v>
      </c>
      <c r="C229" s="250" t="s">
        <v>214</v>
      </c>
      <c r="D229" s="248" t="s">
        <v>1063</v>
      </c>
      <c r="E229" s="249"/>
      <c r="F229" s="49"/>
    </row>
    <row r="230" spans="2:6" s="93" customFormat="1">
      <c r="B230" s="251"/>
      <c r="C230" s="251"/>
      <c r="D230" s="99" t="s">
        <v>121</v>
      </c>
      <c r="E230" s="99" t="s">
        <v>215</v>
      </c>
      <c r="F230" s="49"/>
    </row>
    <row r="231" spans="2:6" s="93" customFormat="1">
      <c r="B231" s="285" t="s">
        <v>868</v>
      </c>
      <c r="C231" s="12" t="s">
        <v>1055</v>
      </c>
      <c r="D231" s="157"/>
      <c r="E231" s="244"/>
      <c r="F231" s="49"/>
    </row>
    <row r="232" spans="2:6" s="93" customFormat="1">
      <c r="B232" s="286"/>
      <c r="C232" s="11" t="s">
        <v>525</v>
      </c>
      <c r="D232" s="78"/>
      <c r="E232" s="245"/>
      <c r="F232" s="49"/>
    </row>
    <row r="233" spans="2:6" s="93" customFormat="1">
      <c r="B233" s="286"/>
      <c r="C233" s="11" t="s">
        <v>104</v>
      </c>
      <c r="D233" s="78"/>
      <c r="E233" s="245"/>
      <c r="F233" s="49"/>
    </row>
    <row r="234" spans="2:6" s="93" customFormat="1">
      <c r="B234" s="286"/>
      <c r="C234" s="11" t="s">
        <v>105</v>
      </c>
      <c r="D234" s="78"/>
      <c r="E234" s="245"/>
      <c r="F234" s="49"/>
    </row>
    <row r="235" spans="2:6" s="93" customFormat="1">
      <c r="B235" s="286"/>
      <c r="C235" s="11" t="s">
        <v>106</v>
      </c>
      <c r="D235" s="78"/>
      <c r="E235" s="245"/>
      <c r="F235" s="49"/>
    </row>
    <row r="236" spans="2:6" s="93" customFormat="1">
      <c r="B236" s="286"/>
      <c r="C236" s="11" t="s">
        <v>107</v>
      </c>
      <c r="D236" s="78"/>
      <c r="E236" s="245"/>
      <c r="F236" s="49"/>
    </row>
    <row r="237" spans="2:6" s="93" customFormat="1">
      <c r="B237" s="286"/>
      <c r="C237" s="160" t="s">
        <v>108</v>
      </c>
      <c r="D237" s="78"/>
      <c r="E237" s="245"/>
      <c r="F237" s="49"/>
    </row>
    <row r="238" spans="2:6" s="93" customFormat="1">
      <c r="B238" s="286"/>
      <c r="C238" s="160" t="s">
        <v>526</v>
      </c>
      <c r="D238" s="78"/>
      <c r="E238" s="245"/>
      <c r="F238" s="49"/>
    </row>
    <row r="239" spans="2:6" s="93" customFormat="1">
      <c r="B239" s="286"/>
      <c r="C239" s="70" t="s">
        <v>856</v>
      </c>
      <c r="D239" s="78"/>
      <c r="E239" s="245"/>
      <c r="F239" s="49"/>
    </row>
    <row r="240" spans="2:6" s="93" customFormat="1">
      <c r="B240" s="287"/>
      <c r="C240" s="70" t="s">
        <v>848</v>
      </c>
      <c r="D240" s="78"/>
      <c r="E240" s="245"/>
      <c r="F240" s="49"/>
    </row>
    <row r="241" spans="2:6" s="93" customFormat="1">
      <c r="B241" s="122"/>
      <c r="C241" s="70"/>
      <c r="D241" s="78"/>
      <c r="E241" s="245"/>
      <c r="F241" s="49"/>
    </row>
    <row r="242" spans="2:6" s="93" customFormat="1">
      <c r="B242" s="123"/>
      <c r="C242" s="124"/>
      <c r="D242" s="102"/>
      <c r="E242" s="246"/>
      <c r="F242" s="49"/>
    </row>
    <row r="243" spans="2:6" s="93" customFormat="1">
      <c r="B243" s="131"/>
      <c r="C243" s="128"/>
      <c r="D243" s="103"/>
      <c r="E243" s="103"/>
      <c r="F243" s="49"/>
    </row>
    <row r="244" spans="2:6" s="93" customFormat="1">
      <c r="B244" s="13" t="s">
        <v>1338</v>
      </c>
      <c r="C244" s="132"/>
      <c r="D244" s="103"/>
      <c r="E244" s="159"/>
      <c r="F244" s="49"/>
    </row>
    <row r="245" spans="2:6" s="93" customFormat="1">
      <c r="B245" s="243" t="s">
        <v>1339</v>
      </c>
      <c r="C245" s="243"/>
      <c r="D245" s="108"/>
      <c r="E245" s="108"/>
      <c r="F245" s="49"/>
    </row>
    <row r="246" spans="2:6" s="93" customFormat="1">
      <c r="B246" s="250" t="s">
        <v>213</v>
      </c>
      <c r="C246" s="250" t="s">
        <v>214</v>
      </c>
      <c r="D246" s="248" t="s">
        <v>1063</v>
      </c>
      <c r="E246" s="249"/>
      <c r="F246" s="49"/>
    </row>
    <row r="247" spans="2:6" s="93" customFormat="1">
      <c r="B247" s="251"/>
      <c r="C247" s="251"/>
      <c r="D247" s="99" t="s">
        <v>121</v>
      </c>
      <c r="E247" s="99" t="s">
        <v>215</v>
      </c>
      <c r="F247" s="49"/>
    </row>
    <row r="248" spans="2:6" s="93" customFormat="1">
      <c r="B248" s="262" t="s">
        <v>869</v>
      </c>
      <c r="C248" s="12" t="s">
        <v>1055</v>
      </c>
      <c r="D248" s="157"/>
      <c r="E248" s="244"/>
      <c r="F248" s="49"/>
    </row>
    <row r="249" spans="2:6" s="93" customFormat="1">
      <c r="B249" s="260"/>
      <c r="C249" s="11" t="s">
        <v>109</v>
      </c>
      <c r="D249" s="78"/>
      <c r="E249" s="245"/>
      <c r="F249" s="49"/>
    </row>
    <row r="250" spans="2:6" s="93" customFormat="1">
      <c r="B250" s="260"/>
      <c r="C250" s="11" t="s">
        <v>110</v>
      </c>
      <c r="D250" s="78"/>
      <c r="E250" s="245"/>
      <c r="F250" s="49"/>
    </row>
    <row r="251" spans="2:6" s="93" customFormat="1">
      <c r="B251" s="260"/>
      <c r="C251" s="70" t="s">
        <v>856</v>
      </c>
      <c r="D251" s="78"/>
      <c r="E251" s="245"/>
      <c r="F251" s="49"/>
    </row>
    <row r="252" spans="2:6" s="93" customFormat="1">
      <c r="B252" s="261"/>
      <c r="C252" s="70" t="s">
        <v>848</v>
      </c>
      <c r="D252" s="78"/>
      <c r="E252" s="245"/>
      <c r="F252" s="49"/>
    </row>
    <row r="253" spans="2:6" s="93" customFormat="1">
      <c r="B253" s="122"/>
      <c r="C253" s="70"/>
      <c r="D253" s="78"/>
      <c r="E253" s="245"/>
      <c r="F253" s="49"/>
    </row>
    <row r="254" spans="2:6" s="93" customFormat="1">
      <c r="B254" s="123"/>
      <c r="C254" s="124"/>
      <c r="D254" s="102"/>
      <c r="E254" s="246"/>
      <c r="F254" s="49"/>
    </row>
    <row r="255" spans="2:6" s="93" customFormat="1">
      <c r="B255" s="127"/>
      <c r="C255" s="132"/>
      <c r="D255" s="103"/>
      <c r="E255" s="159"/>
      <c r="F255" s="49"/>
    </row>
    <row r="256" spans="2:6" s="93" customFormat="1">
      <c r="B256" s="13" t="s">
        <v>1340</v>
      </c>
      <c r="C256" s="14"/>
      <c r="D256" s="108"/>
      <c r="E256" s="108"/>
      <c r="F256" s="49"/>
    </row>
    <row r="257" spans="2:6" s="93" customFormat="1">
      <c r="B257" s="250" t="s">
        <v>213</v>
      </c>
      <c r="C257" s="250" t="s">
        <v>214</v>
      </c>
      <c r="D257" s="248" t="s">
        <v>1063</v>
      </c>
      <c r="E257" s="249"/>
      <c r="F257" s="49"/>
    </row>
    <row r="258" spans="2:6" s="93" customFormat="1">
      <c r="B258" s="251"/>
      <c r="C258" s="251"/>
      <c r="D258" s="99" t="s">
        <v>121</v>
      </c>
      <c r="E258" s="99" t="s">
        <v>215</v>
      </c>
      <c r="F258" s="49"/>
    </row>
    <row r="259" spans="2:6" s="93" customFormat="1">
      <c r="B259" s="12" t="s">
        <v>870</v>
      </c>
      <c r="C259" s="12" t="s">
        <v>1055</v>
      </c>
      <c r="D259" s="157"/>
      <c r="E259" s="244"/>
      <c r="F259" s="49"/>
    </row>
    <row r="260" spans="2:6" s="93" customFormat="1">
      <c r="B260" s="11"/>
      <c r="C260" s="11" t="s">
        <v>111</v>
      </c>
      <c r="D260" s="78"/>
      <c r="E260" s="245"/>
      <c r="F260" s="49"/>
    </row>
    <row r="261" spans="2:6" s="93" customFormat="1">
      <c r="B261" s="11"/>
      <c r="C261" s="11" t="s">
        <v>112</v>
      </c>
      <c r="D261" s="78"/>
      <c r="E261" s="245"/>
      <c r="F261" s="49"/>
    </row>
    <row r="262" spans="2:6" s="93" customFormat="1">
      <c r="B262" s="11" t="s">
        <v>871</v>
      </c>
      <c r="C262" s="11" t="s">
        <v>114</v>
      </c>
      <c r="D262" s="78"/>
      <c r="E262" s="245"/>
      <c r="F262" s="49"/>
    </row>
    <row r="263" spans="2:6" s="93" customFormat="1">
      <c r="B263" s="11"/>
      <c r="C263" s="11" t="s">
        <v>86</v>
      </c>
      <c r="D263" s="78"/>
      <c r="E263" s="245"/>
      <c r="F263" s="49"/>
    </row>
    <row r="264" spans="2:6" s="93" customFormat="1">
      <c r="B264" s="122"/>
      <c r="C264" s="70"/>
      <c r="D264" s="78"/>
      <c r="E264" s="245"/>
      <c r="F264" s="49"/>
    </row>
    <row r="265" spans="2:6" s="93" customFormat="1">
      <c r="B265" s="123"/>
      <c r="C265" s="124"/>
      <c r="D265" s="102"/>
      <c r="E265" s="246"/>
      <c r="F265" s="49"/>
    </row>
    <row r="266" spans="2:6" s="93" customFormat="1">
      <c r="B266" s="127"/>
      <c r="C266" s="132"/>
      <c r="D266" s="103"/>
      <c r="E266" s="159"/>
      <c r="F266" s="49"/>
    </row>
    <row r="267" spans="2:6" s="93" customFormat="1">
      <c r="B267" s="13" t="s">
        <v>1341</v>
      </c>
      <c r="C267" s="14"/>
      <c r="D267" s="108"/>
      <c r="E267" s="108"/>
      <c r="F267" s="49"/>
    </row>
    <row r="268" spans="2:6" s="93" customFormat="1">
      <c r="B268" s="250" t="s">
        <v>213</v>
      </c>
      <c r="C268" s="250" t="s">
        <v>214</v>
      </c>
      <c r="D268" s="248" t="s">
        <v>1063</v>
      </c>
      <c r="E268" s="249"/>
      <c r="F268" s="49"/>
    </row>
    <row r="269" spans="2:6" s="93" customFormat="1">
      <c r="B269" s="251"/>
      <c r="C269" s="251"/>
      <c r="D269" s="99" t="s">
        <v>121</v>
      </c>
      <c r="E269" s="99" t="s">
        <v>215</v>
      </c>
      <c r="F269" s="49"/>
    </row>
    <row r="270" spans="2:6" s="93" customFormat="1">
      <c r="B270" s="12" t="s">
        <v>872</v>
      </c>
      <c r="C270" s="12" t="s">
        <v>1055</v>
      </c>
      <c r="D270" s="157"/>
      <c r="E270" s="244"/>
      <c r="F270" s="49"/>
    </row>
    <row r="271" spans="2:6" s="93" customFormat="1">
      <c r="B271" s="11"/>
      <c r="C271" s="11" t="s">
        <v>113</v>
      </c>
      <c r="D271" s="78"/>
      <c r="E271" s="245"/>
      <c r="F271" s="49"/>
    </row>
    <row r="272" spans="2:6" s="93" customFormat="1">
      <c r="B272" s="11"/>
      <c r="C272" s="11" t="s">
        <v>86</v>
      </c>
      <c r="D272" s="78"/>
      <c r="E272" s="245"/>
      <c r="F272" s="49"/>
    </row>
    <row r="273" spans="2:6" s="93" customFormat="1">
      <c r="B273" s="122"/>
      <c r="C273" s="70"/>
      <c r="D273" s="78"/>
      <c r="E273" s="245"/>
      <c r="F273" s="49"/>
    </row>
    <row r="274" spans="2:6" s="93" customFormat="1">
      <c r="B274" s="123"/>
      <c r="C274" s="124"/>
      <c r="D274" s="102"/>
      <c r="E274" s="246"/>
      <c r="F274" s="49"/>
    </row>
    <row r="275" spans="2:6" s="93" customFormat="1">
      <c r="B275" s="127"/>
      <c r="C275" s="132"/>
      <c r="D275" s="103"/>
      <c r="E275" s="159"/>
      <c r="F275" s="49"/>
    </row>
    <row r="276" spans="2:6" s="93" customFormat="1">
      <c r="B276" s="13" t="s">
        <v>1342</v>
      </c>
      <c r="C276" s="14"/>
      <c r="D276" s="108"/>
      <c r="E276" s="108"/>
      <c r="F276" s="49"/>
    </row>
    <row r="277" spans="2:6" s="93" customFormat="1">
      <c r="B277" s="250" t="s">
        <v>213</v>
      </c>
      <c r="C277" s="250" t="s">
        <v>214</v>
      </c>
      <c r="D277" s="248" t="s">
        <v>1063</v>
      </c>
      <c r="E277" s="249"/>
      <c r="F277" s="49"/>
    </row>
    <row r="278" spans="2:6" s="93" customFormat="1">
      <c r="B278" s="251"/>
      <c r="C278" s="251"/>
      <c r="D278" s="99" t="s">
        <v>121</v>
      </c>
      <c r="E278" s="99" t="s">
        <v>215</v>
      </c>
      <c r="F278" s="49"/>
    </row>
    <row r="279" spans="2:6" s="93" customFormat="1">
      <c r="B279" s="264" t="s">
        <v>873</v>
      </c>
      <c r="C279" s="12" t="s">
        <v>1055</v>
      </c>
      <c r="D279" s="157"/>
      <c r="E279" s="244"/>
      <c r="F279" s="49"/>
    </row>
    <row r="280" spans="2:6" s="93" customFormat="1">
      <c r="B280" s="254"/>
      <c r="C280" s="11" t="s">
        <v>117</v>
      </c>
      <c r="D280" s="78"/>
      <c r="E280" s="245"/>
      <c r="F280" s="49"/>
    </row>
    <row r="281" spans="2:6" s="93" customFormat="1">
      <c r="B281" s="254"/>
      <c r="C281" s="11" t="s">
        <v>115</v>
      </c>
      <c r="D281" s="78"/>
      <c r="E281" s="245"/>
      <c r="F281" s="49"/>
    </row>
    <row r="282" spans="2:6" s="93" customFormat="1">
      <c r="B282" s="254"/>
      <c r="C282" s="11" t="s">
        <v>116</v>
      </c>
      <c r="D282" s="78"/>
      <c r="E282" s="245"/>
      <c r="F282" s="49"/>
    </row>
    <row r="283" spans="2:6" s="93" customFormat="1">
      <c r="B283" s="254"/>
      <c r="C283" s="11" t="s">
        <v>874</v>
      </c>
      <c r="D283" s="78"/>
      <c r="E283" s="245"/>
      <c r="F283" s="49"/>
    </row>
    <row r="284" spans="2:6" s="93" customFormat="1">
      <c r="B284" s="254"/>
      <c r="C284" s="11" t="s">
        <v>875</v>
      </c>
      <c r="D284" s="78"/>
      <c r="E284" s="245"/>
      <c r="F284" s="49"/>
    </row>
    <row r="285" spans="2:6" s="93" customFormat="1">
      <c r="B285" s="254"/>
      <c r="C285" s="11" t="s">
        <v>876</v>
      </c>
      <c r="D285" s="78"/>
      <c r="E285" s="245"/>
      <c r="F285" s="49"/>
    </row>
    <row r="286" spans="2:6" s="93" customFormat="1">
      <c r="B286" s="254"/>
      <c r="C286" s="70" t="s">
        <v>856</v>
      </c>
      <c r="D286" s="78"/>
      <c r="E286" s="245"/>
      <c r="F286" s="49"/>
    </row>
    <row r="287" spans="2:6" s="93" customFormat="1">
      <c r="B287" s="254"/>
      <c r="C287" s="70" t="s">
        <v>848</v>
      </c>
      <c r="D287" s="78"/>
      <c r="E287" s="245"/>
      <c r="F287" s="49"/>
    </row>
    <row r="288" spans="2:6" s="93" customFormat="1">
      <c r="B288" s="122"/>
      <c r="C288" s="70"/>
      <c r="D288" s="78"/>
      <c r="E288" s="245"/>
      <c r="F288" s="49"/>
    </row>
    <row r="289" spans="2:6" s="93" customFormat="1">
      <c r="B289" s="123"/>
      <c r="C289" s="124"/>
      <c r="D289" s="102"/>
      <c r="E289" s="246"/>
      <c r="F289" s="49"/>
    </row>
    <row r="290" spans="2:6" s="93" customFormat="1">
      <c r="B290" s="127"/>
      <c r="C290" s="132"/>
      <c r="D290" s="103"/>
      <c r="E290" s="159"/>
      <c r="F290" s="49"/>
    </row>
    <row r="291" spans="2:6" s="93" customFormat="1">
      <c r="B291" s="13" t="s">
        <v>1343</v>
      </c>
      <c r="C291" s="14"/>
      <c r="D291" s="108"/>
      <c r="E291" s="108"/>
      <c r="F291" s="49"/>
    </row>
    <row r="292" spans="2:6" s="93" customFormat="1">
      <c r="B292" s="250" t="s">
        <v>213</v>
      </c>
      <c r="C292" s="250" t="s">
        <v>214</v>
      </c>
      <c r="D292" s="248" t="s">
        <v>1063</v>
      </c>
      <c r="E292" s="249"/>
      <c r="F292" s="49"/>
    </row>
    <row r="293" spans="2:6" s="93" customFormat="1">
      <c r="B293" s="251"/>
      <c r="C293" s="251"/>
      <c r="D293" s="99" t="s">
        <v>121</v>
      </c>
      <c r="E293" s="99" t="s">
        <v>215</v>
      </c>
      <c r="F293" s="49"/>
    </row>
    <row r="294" spans="2:6" s="93" customFormat="1">
      <c r="B294" s="262" t="s">
        <v>877</v>
      </c>
      <c r="C294" s="12" t="s">
        <v>1055</v>
      </c>
      <c r="D294" s="157"/>
      <c r="E294" s="244"/>
      <c r="F294" s="49"/>
    </row>
    <row r="295" spans="2:6" s="93" customFormat="1">
      <c r="B295" s="260"/>
      <c r="C295" s="11" t="s">
        <v>118</v>
      </c>
      <c r="D295" s="78"/>
      <c r="E295" s="245"/>
      <c r="F295" s="49"/>
    </row>
    <row r="296" spans="2:6" s="93" customFormat="1">
      <c r="B296" s="261"/>
      <c r="C296" s="11" t="s">
        <v>86</v>
      </c>
      <c r="D296" s="78"/>
      <c r="E296" s="245"/>
      <c r="F296" s="49"/>
    </row>
    <row r="297" spans="2:6" s="93" customFormat="1">
      <c r="B297" s="122"/>
      <c r="C297" s="70"/>
      <c r="D297" s="78"/>
      <c r="E297" s="245"/>
      <c r="F297" s="49"/>
    </row>
    <row r="298" spans="2:6" s="93" customFormat="1">
      <c r="B298" s="123"/>
      <c r="C298" s="124"/>
      <c r="D298" s="102"/>
      <c r="E298" s="246"/>
      <c r="F298" s="49"/>
    </row>
    <row r="299" spans="2:6" s="93" customFormat="1">
      <c r="B299" s="131"/>
      <c r="C299" s="128"/>
      <c r="D299" s="103"/>
      <c r="E299" s="103"/>
      <c r="F299" s="49"/>
    </row>
    <row r="300" spans="2:6" s="93" customFormat="1">
      <c r="B300" s="13" t="s">
        <v>1344</v>
      </c>
      <c r="C300" s="132"/>
      <c r="D300" s="103"/>
      <c r="E300" s="159"/>
      <c r="F300" s="49"/>
    </row>
    <row r="301" spans="2:6" s="93" customFormat="1">
      <c r="B301" s="243" t="s">
        <v>1345</v>
      </c>
      <c r="C301" s="243"/>
      <c r="D301" s="108"/>
      <c r="E301" s="108"/>
      <c r="F301" s="49"/>
    </row>
    <row r="302" spans="2:6" s="93" customFormat="1">
      <c r="B302" s="250" t="s">
        <v>213</v>
      </c>
      <c r="C302" s="250" t="s">
        <v>214</v>
      </c>
      <c r="D302" s="248" t="s">
        <v>1063</v>
      </c>
      <c r="E302" s="249"/>
      <c r="F302" s="49"/>
    </row>
    <row r="303" spans="2:6" s="93" customFormat="1">
      <c r="B303" s="251"/>
      <c r="C303" s="251"/>
      <c r="D303" s="99" t="s">
        <v>121</v>
      </c>
      <c r="E303" s="99" t="s">
        <v>215</v>
      </c>
      <c r="F303" s="49"/>
    </row>
    <row r="304" spans="2:6" s="93" customFormat="1">
      <c r="B304" s="264" t="s">
        <v>878</v>
      </c>
      <c r="C304" s="12" t="s">
        <v>1055</v>
      </c>
      <c r="D304" s="157"/>
      <c r="E304" s="244"/>
      <c r="F304" s="49"/>
    </row>
    <row r="305" spans="2:6" s="93" customFormat="1">
      <c r="B305" s="254"/>
      <c r="C305" s="11" t="s">
        <v>119</v>
      </c>
      <c r="D305" s="78"/>
      <c r="E305" s="245"/>
      <c r="F305" s="49"/>
    </row>
    <row r="306" spans="2:6" s="93" customFormat="1">
      <c r="B306" s="254"/>
      <c r="C306" s="70" t="s">
        <v>856</v>
      </c>
      <c r="D306" s="78"/>
      <c r="E306" s="245"/>
      <c r="F306" s="49"/>
    </row>
    <row r="307" spans="2:6" s="93" customFormat="1">
      <c r="B307" s="254"/>
      <c r="C307" s="70" t="s">
        <v>848</v>
      </c>
      <c r="D307" s="78"/>
      <c r="E307" s="245"/>
      <c r="F307" s="49"/>
    </row>
    <row r="308" spans="2:6" s="93" customFormat="1">
      <c r="B308" s="122"/>
      <c r="C308" s="70"/>
      <c r="D308" s="78"/>
      <c r="E308" s="245"/>
      <c r="F308" s="49"/>
    </row>
    <row r="309" spans="2:6" s="93" customFormat="1">
      <c r="B309" s="123"/>
      <c r="C309" s="124"/>
      <c r="D309" s="102"/>
      <c r="E309" s="246"/>
      <c r="F309" s="49"/>
    </row>
    <row r="310" spans="2:6" s="93" customFormat="1">
      <c r="B310" s="127"/>
      <c r="C310" s="132"/>
      <c r="D310" s="103"/>
      <c r="E310" s="159"/>
      <c r="F310" s="49"/>
    </row>
    <row r="311" spans="2:6" s="93" customFormat="1">
      <c r="B311" s="13" t="s">
        <v>1346</v>
      </c>
      <c r="C311" s="14"/>
      <c r="D311" s="108"/>
      <c r="E311" s="108"/>
      <c r="F311" s="49"/>
    </row>
    <row r="312" spans="2:6" s="93" customFormat="1">
      <c r="B312" s="250" t="s">
        <v>213</v>
      </c>
      <c r="C312" s="250" t="s">
        <v>214</v>
      </c>
      <c r="D312" s="248" t="s">
        <v>1063</v>
      </c>
      <c r="E312" s="249"/>
      <c r="F312" s="49"/>
    </row>
    <row r="313" spans="2:6" s="93" customFormat="1">
      <c r="B313" s="251"/>
      <c r="C313" s="251"/>
      <c r="D313" s="99" t="s">
        <v>121</v>
      </c>
      <c r="E313" s="99" t="s">
        <v>215</v>
      </c>
      <c r="F313" s="49"/>
    </row>
    <row r="314" spans="2:6" s="93" customFormat="1">
      <c r="B314" s="262" t="s">
        <v>879</v>
      </c>
      <c r="C314" s="12" t="s">
        <v>1055</v>
      </c>
      <c r="D314" s="157"/>
      <c r="E314" s="244"/>
      <c r="F314" s="49"/>
    </row>
    <row r="315" spans="2:6" s="93" customFormat="1">
      <c r="B315" s="260"/>
      <c r="C315" s="11" t="s">
        <v>566</v>
      </c>
      <c r="D315" s="78"/>
      <c r="E315" s="245"/>
      <c r="F315" s="49"/>
    </row>
    <row r="316" spans="2:6" s="93" customFormat="1">
      <c r="B316" s="261"/>
      <c r="C316" s="11" t="s">
        <v>567</v>
      </c>
      <c r="D316" s="78"/>
      <c r="E316" s="245"/>
      <c r="F316" s="49"/>
    </row>
    <row r="317" spans="2:6" s="93" customFormat="1">
      <c r="B317" s="122"/>
      <c r="C317" s="70"/>
      <c r="D317" s="78"/>
      <c r="E317" s="245"/>
      <c r="F317" s="49"/>
    </row>
    <row r="318" spans="2:6" s="93" customFormat="1">
      <c r="B318" s="123"/>
      <c r="C318" s="124"/>
      <c r="D318" s="102"/>
      <c r="E318" s="246"/>
      <c r="F318" s="49"/>
    </row>
    <row r="319" spans="2:6" s="93" customFormat="1">
      <c r="B319" s="127"/>
      <c r="C319" s="132"/>
      <c r="D319" s="103"/>
      <c r="E319" s="159"/>
      <c r="F319" s="49"/>
    </row>
    <row r="320" spans="2:6" s="93" customFormat="1">
      <c r="B320" s="13" t="s">
        <v>1347</v>
      </c>
      <c r="C320" s="14"/>
      <c r="D320" s="108"/>
      <c r="E320" s="108"/>
      <c r="F320" s="49"/>
    </row>
    <row r="321" spans="2:6" s="93" customFormat="1">
      <c r="B321" s="250" t="s">
        <v>213</v>
      </c>
      <c r="C321" s="250" t="s">
        <v>214</v>
      </c>
      <c r="D321" s="248" t="s">
        <v>1063</v>
      </c>
      <c r="E321" s="249"/>
      <c r="F321" s="49"/>
    </row>
    <row r="322" spans="2:6" s="93" customFormat="1">
      <c r="B322" s="251"/>
      <c r="C322" s="251"/>
      <c r="D322" s="99" t="s">
        <v>121</v>
      </c>
      <c r="E322" s="99" t="s">
        <v>215</v>
      </c>
      <c r="F322" s="49"/>
    </row>
    <row r="323" spans="2:6" s="93" customFormat="1">
      <c r="B323" s="262" t="s">
        <v>880</v>
      </c>
      <c r="C323" s="12" t="s">
        <v>1055</v>
      </c>
      <c r="D323" s="157"/>
      <c r="E323" s="244"/>
      <c r="F323" s="49"/>
    </row>
    <row r="324" spans="2:6" s="93" customFormat="1">
      <c r="B324" s="261"/>
      <c r="C324" s="11" t="s">
        <v>173</v>
      </c>
      <c r="D324" s="78"/>
      <c r="E324" s="245"/>
      <c r="F324" s="49"/>
    </row>
    <row r="325" spans="2:6" s="93" customFormat="1">
      <c r="B325" s="123"/>
      <c r="C325" s="124"/>
      <c r="D325" s="102"/>
      <c r="E325" s="246"/>
      <c r="F325" s="49"/>
    </row>
    <row r="326" spans="2:6" s="93" customFormat="1">
      <c r="B326" s="127"/>
      <c r="C326" s="132"/>
      <c r="D326" s="103"/>
      <c r="E326" s="159"/>
      <c r="F326" s="49"/>
    </row>
    <row r="327" spans="2:6" s="93" customFormat="1">
      <c r="B327" s="13" t="s">
        <v>1348</v>
      </c>
      <c r="C327" s="14"/>
      <c r="D327" s="108"/>
      <c r="E327" s="108"/>
      <c r="F327" s="49"/>
    </row>
    <row r="328" spans="2:6" s="93" customFormat="1">
      <c r="B328" s="250" t="s">
        <v>213</v>
      </c>
      <c r="C328" s="250" t="s">
        <v>214</v>
      </c>
      <c r="D328" s="248" t="s">
        <v>1063</v>
      </c>
      <c r="E328" s="249"/>
      <c r="F328" s="49"/>
    </row>
    <row r="329" spans="2:6" s="93" customFormat="1">
      <c r="B329" s="251"/>
      <c r="C329" s="251"/>
      <c r="D329" s="99" t="s">
        <v>121</v>
      </c>
      <c r="E329" s="99" t="s">
        <v>215</v>
      </c>
      <c r="F329" s="49"/>
    </row>
    <row r="330" spans="2:6" s="93" customFormat="1">
      <c r="B330" s="262" t="s">
        <v>881</v>
      </c>
      <c r="C330" s="12" t="s">
        <v>1055</v>
      </c>
      <c r="D330" s="157"/>
      <c r="E330" s="244"/>
      <c r="F330" s="49"/>
    </row>
    <row r="331" spans="2:6" s="93" customFormat="1">
      <c r="B331" s="260"/>
      <c r="C331" s="11" t="s">
        <v>174</v>
      </c>
      <c r="D331" s="78"/>
      <c r="E331" s="245"/>
      <c r="F331" s="49"/>
    </row>
    <row r="332" spans="2:6" s="93" customFormat="1">
      <c r="B332" s="260"/>
      <c r="C332" s="11" t="s">
        <v>175</v>
      </c>
      <c r="D332" s="78"/>
      <c r="E332" s="245"/>
      <c r="F332" s="49"/>
    </row>
    <row r="333" spans="2:6" s="93" customFormat="1">
      <c r="B333" s="260"/>
      <c r="C333" s="70" t="s">
        <v>856</v>
      </c>
      <c r="D333" s="78"/>
      <c r="E333" s="245"/>
      <c r="F333" s="49"/>
    </row>
    <row r="334" spans="2:6" s="93" customFormat="1">
      <c r="B334" s="261"/>
      <c r="C334" s="70" t="s">
        <v>848</v>
      </c>
      <c r="D334" s="78"/>
      <c r="E334" s="245"/>
      <c r="F334" s="49"/>
    </row>
    <row r="335" spans="2:6" s="93" customFormat="1">
      <c r="B335" s="122"/>
      <c r="C335" s="70"/>
      <c r="D335" s="78"/>
      <c r="E335" s="245"/>
      <c r="F335" s="49"/>
    </row>
    <row r="336" spans="2:6" s="93" customFormat="1">
      <c r="B336" s="123"/>
      <c r="C336" s="124"/>
      <c r="D336" s="102"/>
      <c r="E336" s="246"/>
      <c r="F336" s="49"/>
    </row>
    <row r="337" spans="2:6" s="93" customFormat="1">
      <c r="B337" s="127"/>
      <c r="C337" s="132"/>
      <c r="D337" s="103"/>
      <c r="E337" s="159"/>
      <c r="F337" s="49"/>
    </row>
    <row r="338" spans="2:6" s="93" customFormat="1">
      <c r="B338" s="243" t="s">
        <v>1349</v>
      </c>
      <c r="C338" s="243"/>
      <c r="D338" s="108"/>
      <c r="E338" s="108"/>
      <c r="F338" s="49"/>
    </row>
    <row r="339" spans="2:6" s="93" customFormat="1">
      <c r="B339" s="250" t="s">
        <v>213</v>
      </c>
      <c r="C339" s="250" t="s">
        <v>214</v>
      </c>
      <c r="D339" s="248" t="s">
        <v>1063</v>
      </c>
      <c r="E339" s="249"/>
      <c r="F339" s="49"/>
    </row>
    <row r="340" spans="2:6" s="93" customFormat="1">
      <c r="B340" s="251"/>
      <c r="C340" s="251"/>
      <c r="D340" s="99" t="s">
        <v>121</v>
      </c>
      <c r="E340" s="99" t="s">
        <v>215</v>
      </c>
      <c r="F340" s="49"/>
    </row>
    <row r="341" spans="2:6" s="93" customFormat="1">
      <c r="B341" s="161" t="s">
        <v>882</v>
      </c>
      <c r="C341" s="12" t="s">
        <v>204</v>
      </c>
      <c r="D341" s="104"/>
      <c r="E341" s="244"/>
      <c r="F341" s="49"/>
    </row>
    <row r="342" spans="2:6" s="93" customFormat="1">
      <c r="B342" s="122"/>
      <c r="C342" s="70"/>
      <c r="D342" s="78"/>
      <c r="E342" s="245"/>
      <c r="F342" s="49"/>
    </row>
    <row r="343" spans="2:6" s="93" customFormat="1">
      <c r="B343" s="123"/>
      <c r="C343" s="124"/>
      <c r="D343" s="102"/>
      <c r="E343" s="246"/>
      <c r="F343" s="49"/>
    </row>
    <row r="344" spans="2:6" s="93" customFormat="1">
      <c r="B344" s="127"/>
      <c r="C344" s="132"/>
      <c r="D344" s="103"/>
      <c r="E344" s="159"/>
      <c r="F344" s="49"/>
    </row>
    <row r="345" spans="2:6" s="93" customFormat="1">
      <c r="B345" s="13" t="s">
        <v>1350</v>
      </c>
      <c r="C345" s="14"/>
      <c r="D345" s="108"/>
      <c r="E345" s="108"/>
      <c r="F345" s="49"/>
    </row>
    <row r="346" spans="2:6" s="93" customFormat="1">
      <c r="B346" s="250" t="s">
        <v>213</v>
      </c>
      <c r="C346" s="250" t="s">
        <v>214</v>
      </c>
      <c r="D346" s="248" t="s">
        <v>1063</v>
      </c>
      <c r="E346" s="249"/>
      <c r="F346" s="49"/>
    </row>
    <row r="347" spans="2:6" s="93" customFormat="1">
      <c r="B347" s="251"/>
      <c r="C347" s="251"/>
      <c r="D347" s="99" t="s">
        <v>121</v>
      </c>
      <c r="E347" s="99" t="s">
        <v>215</v>
      </c>
      <c r="F347" s="49"/>
    </row>
    <row r="348" spans="2:6" s="93" customFormat="1">
      <c r="B348" s="262" t="s">
        <v>883</v>
      </c>
      <c r="C348" s="12" t="s">
        <v>1055</v>
      </c>
      <c r="D348" s="157"/>
      <c r="E348" s="244"/>
      <c r="F348" s="49"/>
    </row>
    <row r="349" spans="2:6" s="93" customFormat="1">
      <c r="B349" s="260"/>
      <c r="C349" s="11" t="s">
        <v>529</v>
      </c>
      <c r="D349" s="78"/>
      <c r="E349" s="245"/>
      <c r="F349" s="49"/>
    </row>
    <row r="350" spans="2:6" s="93" customFormat="1">
      <c r="B350" s="260"/>
      <c r="C350" s="11" t="s">
        <v>530</v>
      </c>
      <c r="D350" s="78"/>
      <c r="E350" s="245"/>
      <c r="F350" s="49"/>
    </row>
    <row r="351" spans="2:6" s="93" customFormat="1">
      <c r="B351" s="260"/>
      <c r="C351" s="11" t="s">
        <v>532</v>
      </c>
      <c r="D351" s="78"/>
      <c r="E351" s="245"/>
      <c r="F351" s="49"/>
    </row>
    <row r="352" spans="2:6" s="93" customFormat="1">
      <c r="B352" s="260"/>
      <c r="C352" s="11" t="s">
        <v>884</v>
      </c>
      <c r="D352" s="78"/>
      <c r="E352" s="245"/>
      <c r="F352" s="49"/>
    </row>
    <row r="353" spans="2:6" s="93" customFormat="1">
      <c r="B353" s="260"/>
      <c r="C353" s="70" t="s">
        <v>856</v>
      </c>
      <c r="D353" s="78"/>
      <c r="E353" s="245"/>
      <c r="F353" s="49"/>
    </row>
    <row r="354" spans="2:6" s="93" customFormat="1">
      <c r="B354" s="261"/>
      <c r="C354" s="70" t="s">
        <v>848</v>
      </c>
      <c r="D354" s="78"/>
      <c r="E354" s="245"/>
      <c r="F354" s="49"/>
    </row>
    <row r="355" spans="2:6" s="93" customFormat="1">
      <c r="B355" s="122"/>
      <c r="C355" s="70"/>
      <c r="D355" s="78"/>
      <c r="E355" s="245"/>
      <c r="F355" s="49"/>
    </row>
    <row r="356" spans="2:6" s="93" customFormat="1">
      <c r="B356" s="123"/>
      <c r="C356" s="124"/>
      <c r="D356" s="102"/>
      <c r="E356" s="246"/>
      <c r="F356" s="49"/>
    </row>
    <row r="357" spans="2:6" s="93" customFormat="1">
      <c r="B357" s="127"/>
      <c r="C357" s="132"/>
      <c r="D357" s="103"/>
      <c r="E357" s="159"/>
      <c r="F357" s="49"/>
    </row>
    <row r="358" spans="2:6" s="93" customFormat="1">
      <c r="B358" s="13" t="s">
        <v>1351</v>
      </c>
      <c r="C358" s="14"/>
      <c r="D358" s="108"/>
      <c r="E358" s="108"/>
      <c r="F358" s="49"/>
    </row>
    <row r="359" spans="2:6" s="93" customFormat="1">
      <c r="B359" s="250" t="s">
        <v>213</v>
      </c>
      <c r="C359" s="250" t="s">
        <v>214</v>
      </c>
      <c r="D359" s="248" t="s">
        <v>1063</v>
      </c>
      <c r="E359" s="249"/>
      <c r="F359" s="49"/>
    </row>
    <row r="360" spans="2:6" s="93" customFormat="1">
      <c r="B360" s="251"/>
      <c r="C360" s="251"/>
      <c r="D360" s="99" t="s">
        <v>121</v>
      </c>
      <c r="E360" s="99" t="s">
        <v>215</v>
      </c>
      <c r="F360" s="49"/>
    </row>
    <row r="361" spans="2:6" s="93" customFormat="1">
      <c r="B361" s="262" t="s">
        <v>887</v>
      </c>
      <c r="C361" s="12" t="s">
        <v>1055</v>
      </c>
      <c r="D361" s="157"/>
      <c r="E361" s="244"/>
      <c r="F361" s="49"/>
    </row>
    <row r="362" spans="2:6" s="93" customFormat="1">
      <c r="B362" s="260"/>
      <c r="C362" s="11" t="s">
        <v>176</v>
      </c>
      <c r="D362" s="78"/>
      <c r="E362" s="245"/>
      <c r="F362" s="49"/>
    </row>
    <row r="363" spans="2:6" s="93" customFormat="1">
      <c r="B363" s="260"/>
      <c r="C363" s="11" t="s">
        <v>177</v>
      </c>
      <c r="D363" s="78"/>
      <c r="E363" s="245"/>
      <c r="F363" s="49"/>
    </row>
    <row r="364" spans="2:6" s="93" customFormat="1">
      <c r="B364" s="260"/>
      <c r="C364" s="11" t="s">
        <v>178</v>
      </c>
      <c r="D364" s="78"/>
      <c r="E364" s="245"/>
      <c r="F364" s="49"/>
    </row>
    <row r="365" spans="2:6" s="93" customFormat="1">
      <c r="B365" s="260"/>
      <c r="C365" s="11" t="s">
        <v>179</v>
      </c>
      <c r="D365" s="78"/>
      <c r="E365" s="245"/>
      <c r="F365" s="49"/>
    </row>
    <row r="366" spans="2:6" s="93" customFormat="1">
      <c r="B366" s="260"/>
      <c r="C366" s="11" t="s">
        <v>180</v>
      </c>
      <c r="D366" s="78"/>
      <c r="E366" s="245"/>
      <c r="F366" s="49"/>
    </row>
    <row r="367" spans="2:6" s="93" customFormat="1">
      <c r="B367" s="260"/>
      <c r="C367" s="11" t="s">
        <v>888</v>
      </c>
      <c r="D367" s="78"/>
      <c r="E367" s="245"/>
      <c r="F367" s="49"/>
    </row>
    <row r="368" spans="2:6" s="93" customFormat="1">
      <c r="B368" s="260"/>
      <c r="C368" s="11" t="s">
        <v>889</v>
      </c>
      <c r="D368" s="78"/>
      <c r="E368" s="245"/>
      <c r="F368" s="49"/>
    </row>
    <row r="369" spans="2:6" s="93" customFormat="1">
      <c r="B369" s="260"/>
      <c r="C369" s="70" t="s">
        <v>856</v>
      </c>
      <c r="D369" s="78"/>
      <c r="E369" s="245"/>
      <c r="F369" s="49"/>
    </row>
    <row r="370" spans="2:6" s="93" customFormat="1">
      <c r="B370" s="261"/>
      <c r="C370" s="70" t="s">
        <v>848</v>
      </c>
      <c r="D370" s="78"/>
      <c r="E370" s="245"/>
      <c r="F370" s="49"/>
    </row>
    <row r="371" spans="2:6" s="93" customFormat="1">
      <c r="B371" s="122"/>
      <c r="C371" s="70"/>
      <c r="D371" s="78"/>
      <c r="E371" s="245"/>
      <c r="F371" s="49"/>
    </row>
    <row r="372" spans="2:6" s="93" customFormat="1">
      <c r="B372" s="123"/>
      <c r="C372" s="124"/>
      <c r="D372" s="102"/>
      <c r="E372" s="246"/>
      <c r="F372" s="49"/>
    </row>
    <row r="373" spans="2:6" s="93" customFormat="1" ht="6" customHeight="1">
      <c r="B373" s="162"/>
      <c r="C373" s="163"/>
      <c r="D373" s="103"/>
      <c r="E373" s="103"/>
      <c r="F373" s="49"/>
    </row>
    <row r="374" spans="2:6" s="93" customFormat="1">
      <c r="B374" s="266" t="s">
        <v>1352</v>
      </c>
      <c r="C374" s="266"/>
      <c r="D374" s="103"/>
      <c r="E374" s="159"/>
      <c r="F374" s="49"/>
    </row>
    <row r="375" spans="2:6" s="93" customFormat="1">
      <c r="B375" s="243" t="s">
        <v>1353</v>
      </c>
      <c r="C375" s="243"/>
      <c r="D375" s="108"/>
      <c r="E375" s="108"/>
      <c r="F375" s="49"/>
    </row>
    <row r="376" spans="2:6" s="93" customFormat="1">
      <c r="B376" s="250" t="s">
        <v>213</v>
      </c>
      <c r="C376" s="250" t="s">
        <v>214</v>
      </c>
      <c r="D376" s="248" t="s">
        <v>1063</v>
      </c>
      <c r="E376" s="249"/>
      <c r="F376" s="49"/>
    </row>
    <row r="377" spans="2:6" s="93" customFormat="1">
      <c r="B377" s="251"/>
      <c r="C377" s="251"/>
      <c r="D377" s="99" t="s">
        <v>121</v>
      </c>
      <c r="E377" s="99" t="s">
        <v>215</v>
      </c>
      <c r="F377" s="49"/>
    </row>
    <row r="378" spans="2:6" s="93" customFormat="1">
      <c r="B378" s="264" t="s">
        <v>890</v>
      </c>
      <c r="C378" s="12" t="s">
        <v>1055</v>
      </c>
      <c r="D378" s="157"/>
      <c r="E378" s="244"/>
      <c r="F378" s="49"/>
    </row>
    <row r="379" spans="2:6" s="93" customFormat="1">
      <c r="B379" s="254"/>
      <c r="C379" s="11" t="s">
        <v>181</v>
      </c>
      <c r="D379" s="78"/>
      <c r="E379" s="245"/>
      <c r="F379" s="49"/>
    </row>
    <row r="380" spans="2:6" s="93" customFormat="1">
      <c r="B380" s="254"/>
      <c r="C380" s="11" t="s">
        <v>182</v>
      </c>
      <c r="D380" s="78"/>
      <c r="E380" s="245"/>
      <c r="F380" s="49"/>
    </row>
    <row r="381" spans="2:6" s="93" customFormat="1">
      <c r="B381" s="254"/>
      <c r="C381" s="70" t="s">
        <v>856</v>
      </c>
      <c r="D381" s="78"/>
      <c r="E381" s="245"/>
      <c r="F381" s="49"/>
    </row>
    <row r="382" spans="2:6" s="93" customFormat="1">
      <c r="B382" s="254"/>
      <c r="C382" s="70" t="s">
        <v>848</v>
      </c>
      <c r="D382" s="78"/>
      <c r="E382" s="245"/>
      <c r="F382" s="49"/>
    </row>
    <row r="383" spans="2:6" s="93" customFormat="1">
      <c r="B383" s="122"/>
      <c r="C383" s="70"/>
      <c r="D383" s="78"/>
      <c r="E383" s="245"/>
      <c r="F383" s="49"/>
    </row>
    <row r="384" spans="2:6" s="93" customFormat="1">
      <c r="B384" s="123"/>
      <c r="C384" s="124"/>
      <c r="D384" s="102"/>
      <c r="E384" s="246"/>
      <c r="F384" s="49"/>
    </row>
    <row r="385" spans="2:6" s="93" customFormat="1">
      <c r="B385" s="127"/>
      <c r="C385" s="132"/>
      <c r="D385" s="103"/>
      <c r="E385" s="159"/>
      <c r="F385" s="49"/>
    </row>
    <row r="386" spans="2:6" s="93" customFormat="1">
      <c r="B386" s="13" t="s">
        <v>1354</v>
      </c>
      <c r="C386" s="14"/>
      <c r="D386" s="108"/>
      <c r="E386" s="108"/>
      <c r="F386" s="49"/>
    </row>
    <row r="387" spans="2:6" s="93" customFormat="1">
      <c r="B387" s="250" t="s">
        <v>213</v>
      </c>
      <c r="C387" s="250" t="s">
        <v>214</v>
      </c>
      <c r="D387" s="248" t="s">
        <v>1063</v>
      </c>
      <c r="E387" s="249"/>
      <c r="F387" s="49"/>
    </row>
    <row r="388" spans="2:6" s="93" customFormat="1">
      <c r="B388" s="251"/>
      <c r="C388" s="251"/>
      <c r="D388" s="99" t="s">
        <v>121</v>
      </c>
      <c r="E388" s="99" t="s">
        <v>215</v>
      </c>
      <c r="F388" s="49"/>
    </row>
    <row r="389" spans="2:6" s="93" customFormat="1">
      <c r="B389" s="262" t="s">
        <v>891</v>
      </c>
      <c r="C389" s="12" t="s">
        <v>1055</v>
      </c>
      <c r="D389" s="157"/>
      <c r="E389" s="244"/>
      <c r="F389" s="49"/>
    </row>
    <row r="390" spans="2:6" s="93" customFormat="1">
      <c r="B390" s="260"/>
      <c r="C390" s="11" t="s">
        <v>183</v>
      </c>
      <c r="D390" s="78"/>
      <c r="E390" s="245"/>
      <c r="F390" s="49"/>
    </row>
    <row r="391" spans="2:6" s="93" customFormat="1">
      <c r="B391" s="260"/>
      <c r="C391" s="11" t="s">
        <v>184</v>
      </c>
      <c r="D391" s="78"/>
      <c r="E391" s="245"/>
      <c r="F391" s="49"/>
    </row>
    <row r="392" spans="2:6" s="93" customFormat="1">
      <c r="B392" s="260"/>
      <c r="C392" s="11" t="s">
        <v>106</v>
      </c>
      <c r="D392" s="78"/>
      <c r="E392" s="245"/>
      <c r="F392" s="49"/>
    </row>
    <row r="393" spans="2:6" s="93" customFormat="1">
      <c r="B393" s="260"/>
      <c r="C393" s="11" t="s">
        <v>892</v>
      </c>
      <c r="D393" s="78"/>
      <c r="E393" s="245"/>
      <c r="F393" s="49"/>
    </row>
    <row r="394" spans="2:6" s="93" customFormat="1">
      <c r="B394" s="260"/>
      <c r="C394" s="70" t="s">
        <v>1355</v>
      </c>
      <c r="D394" s="78"/>
      <c r="E394" s="245"/>
      <c r="F394" s="49"/>
    </row>
    <row r="395" spans="2:6" s="93" customFormat="1">
      <c r="B395" s="260"/>
      <c r="C395" s="70" t="s">
        <v>856</v>
      </c>
      <c r="D395" s="78"/>
      <c r="E395" s="245"/>
      <c r="F395" s="49"/>
    </row>
    <row r="396" spans="2:6" s="93" customFormat="1">
      <c r="B396" s="261"/>
      <c r="C396" s="70" t="s">
        <v>848</v>
      </c>
      <c r="D396" s="78"/>
      <c r="E396" s="245"/>
      <c r="F396" s="49"/>
    </row>
    <row r="397" spans="2:6" s="93" customFormat="1">
      <c r="B397" s="122"/>
      <c r="C397" s="70"/>
      <c r="D397" s="78"/>
      <c r="E397" s="245"/>
      <c r="F397" s="49"/>
    </row>
    <row r="398" spans="2:6" s="93" customFormat="1">
      <c r="B398" s="123"/>
      <c r="C398" s="124"/>
      <c r="D398" s="102"/>
      <c r="E398" s="246"/>
      <c r="F398" s="49"/>
    </row>
    <row r="399" spans="2:6" s="93" customFormat="1">
      <c r="B399" s="162"/>
      <c r="C399" s="163"/>
      <c r="D399" s="103"/>
      <c r="E399" s="103"/>
      <c r="F399" s="49"/>
    </row>
    <row r="400" spans="2:6" s="93" customFormat="1">
      <c r="B400" s="266" t="s">
        <v>893</v>
      </c>
      <c r="C400" s="266"/>
      <c r="D400" s="103"/>
      <c r="E400" s="103"/>
      <c r="F400" s="49"/>
    </row>
    <row r="401" spans="2:6" s="93" customFormat="1">
      <c r="B401" s="243" t="s">
        <v>1356</v>
      </c>
      <c r="C401" s="243"/>
      <c r="D401" s="108"/>
      <c r="E401" s="108"/>
      <c r="F401" s="49"/>
    </row>
    <row r="402" spans="2:6" s="93" customFormat="1">
      <c r="B402" s="250" t="s">
        <v>213</v>
      </c>
      <c r="C402" s="250" t="s">
        <v>214</v>
      </c>
      <c r="D402" s="248" t="s">
        <v>1063</v>
      </c>
      <c r="E402" s="249"/>
      <c r="F402" s="49"/>
    </row>
    <row r="403" spans="2:6" s="93" customFormat="1">
      <c r="B403" s="251"/>
      <c r="C403" s="251"/>
      <c r="D403" s="99" t="s">
        <v>121</v>
      </c>
      <c r="E403" s="99" t="s">
        <v>215</v>
      </c>
      <c r="F403" s="49"/>
    </row>
    <row r="404" spans="2:6" s="93" customFormat="1">
      <c r="B404" s="262" t="s">
        <v>894</v>
      </c>
      <c r="C404" s="12" t="s">
        <v>1055</v>
      </c>
      <c r="D404" s="157"/>
      <c r="E404" s="244"/>
      <c r="F404" s="49"/>
    </row>
    <row r="405" spans="2:6" s="93" customFormat="1">
      <c r="B405" s="260"/>
      <c r="C405" s="11" t="s">
        <v>185</v>
      </c>
      <c r="D405" s="78"/>
      <c r="E405" s="245"/>
      <c r="F405" s="49"/>
    </row>
    <row r="406" spans="2:6" s="93" customFormat="1">
      <c r="B406" s="260"/>
      <c r="C406" s="11" t="s">
        <v>186</v>
      </c>
      <c r="D406" s="78"/>
      <c r="E406" s="245"/>
      <c r="F406" s="49"/>
    </row>
    <row r="407" spans="2:6" s="93" customFormat="1">
      <c r="B407" s="260"/>
      <c r="C407" s="11" t="s">
        <v>187</v>
      </c>
      <c r="D407" s="78"/>
      <c r="E407" s="245"/>
      <c r="F407" s="49"/>
    </row>
    <row r="408" spans="2:6" s="93" customFormat="1">
      <c r="B408" s="260"/>
      <c r="C408" s="70" t="s">
        <v>856</v>
      </c>
      <c r="D408" s="78"/>
      <c r="E408" s="245"/>
      <c r="F408" s="49"/>
    </row>
    <row r="409" spans="2:6" s="93" customFormat="1">
      <c r="B409" s="260"/>
      <c r="C409" s="70" t="s">
        <v>848</v>
      </c>
      <c r="D409" s="78"/>
      <c r="E409" s="245"/>
      <c r="F409" s="49"/>
    </row>
    <row r="410" spans="2:6" s="93" customFormat="1">
      <c r="B410" s="261"/>
      <c r="C410" s="70" t="s">
        <v>552</v>
      </c>
      <c r="D410" s="78"/>
      <c r="E410" s="245"/>
      <c r="F410" s="49"/>
    </row>
    <row r="411" spans="2:6" s="93" customFormat="1">
      <c r="B411" s="122"/>
      <c r="C411" s="70"/>
      <c r="D411" s="78"/>
      <c r="E411" s="245"/>
      <c r="F411" s="49"/>
    </row>
    <row r="412" spans="2:6" s="93" customFormat="1">
      <c r="B412" s="123"/>
      <c r="C412" s="124"/>
      <c r="D412" s="102"/>
      <c r="E412" s="246"/>
      <c r="F412" s="49"/>
    </row>
    <row r="413" spans="2:6" s="93" customFormat="1">
      <c r="B413" s="127"/>
      <c r="C413" s="132"/>
      <c r="D413" s="103"/>
      <c r="E413" s="159"/>
      <c r="F413" s="49"/>
    </row>
    <row r="414" spans="2:6" s="93" customFormat="1">
      <c r="B414" s="13" t="s">
        <v>1357</v>
      </c>
      <c r="C414" s="14"/>
      <c r="D414" s="108"/>
      <c r="E414" s="108"/>
      <c r="F414" s="49"/>
    </row>
    <row r="415" spans="2:6" s="93" customFormat="1">
      <c r="B415" s="250" t="s">
        <v>213</v>
      </c>
      <c r="C415" s="250" t="s">
        <v>214</v>
      </c>
      <c r="D415" s="248" t="s">
        <v>1063</v>
      </c>
      <c r="E415" s="249"/>
      <c r="F415" s="49"/>
    </row>
    <row r="416" spans="2:6" s="93" customFormat="1">
      <c r="B416" s="251"/>
      <c r="C416" s="251"/>
      <c r="D416" s="99" t="s">
        <v>121</v>
      </c>
      <c r="E416" s="99" t="s">
        <v>215</v>
      </c>
      <c r="F416" s="49"/>
    </row>
    <row r="417" spans="2:6" s="93" customFormat="1">
      <c r="B417" s="262" t="s">
        <v>895</v>
      </c>
      <c r="C417" s="12" t="s">
        <v>1055</v>
      </c>
      <c r="D417" s="157"/>
      <c r="E417" s="244"/>
      <c r="F417" s="49"/>
    </row>
    <row r="418" spans="2:6" s="93" customFormat="1">
      <c r="B418" s="260"/>
      <c r="C418" s="11" t="s">
        <v>188</v>
      </c>
      <c r="D418" s="78"/>
      <c r="E418" s="245"/>
      <c r="F418" s="49"/>
    </row>
    <row r="419" spans="2:6" s="93" customFormat="1">
      <c r="B419" s="260"/>
      <c r="C419" s="70" t="s">
        <v>856</v>
      </c>
      <c r="D419" s="78"/>
      <c r="E419" s="245"/>
      <c r="F419" s="49"/>
    </row>
    <row r="420" spans="2:6" s="93" customFormat="1">
      <c r="B420" s="261"/>
      <c r="C420" s="70" t="s">
        <v>848</v>
      </c>
      <c r="D420" s="78"/>
      <c r="E420" s="245"/>
      <c r="F420" s="49"/>
    </row>
    <row r="421" spans="2:6" s="93" customFormat="1">
      <c r="B421" s="122"/>
      <c r="C421" s="70"/>
      <c r="D421" s="78"/>
      <c r="E421" s="245"/>
      <c r="F421" s="49"/>
    </row>
    <row r="422" spans="2:6" s="93" customFormat="1">
      <c r="B422" s="123"/>
      <c r="C422" s="124"/>
      <c r="D422" s="102"/>
      <c r="E422" s="246"/>
      <c r="F422" s="49"/>
    </row>
    <row r="423" spans="2:6" s="93" customFormat="1">
      <c r="B423" s="127"/>
      <c r="C423" s="132"/>
      <c r="D423" s="103"/>
      <c r="E423" s="159"/>
      <c r="F423" s="49"/>
    </row>
    <row r="424" spans="2:6" s="93" customFormat="1">
      <c r="B424" s="243" t="s">
        <v>1358</v>
      </c>
      <c r="C424" s="243"/>
      <c r="D424" s="108"/>
      <c r="E424" s="108"/>
      <c r="F424" s="49"/>
    </row>
    <row r="425" spans="2:6" s="93" customFormat="1">
      <c r="B425" s="250" t="s">
        <v>213</v>
      </c>
      <c r="C425" s="250" t="s">
        <v>214</v>
      </c>
      <c r="D425" s="248" t="s">
        <v>1063</v>
      </c>
      <c r="E425" s="249"/>
      <c r="F425" s="49"/>
    </row>
    <row r="426" spans="2:6" s="93" customFormat="1">
      <c r="B426" s="251"/>
      <c r="C426" s="251"/>
      <c r="D426" s="99" t="s">
        <v>121</v>
      </c>
      <c r="E426" s="99" t="s">
        <v>215</v>
      </c>
      <c r="F426" s="49"/>
    </row>
    <row r="427" spans="2:6" s="93" customFormat="1">
      <c r="B427" s="262" t="s">
        <v>896</v>
      </c>
      <c r="C427" s="12" t="s">
        <v>1055</v>
      </c>
      <c r="D427" s="157"/>
      <c r="E427" s="244"/>
      <c r="F427" s="49"/>
    </row>
    <row r="428" spans="2:6" s="93" customFormat="1">
      <c r="B428" s="260"/>
      <c r="C428" s="11" t="s">
        <v>189</v>
      </c>
      <c r="D428" s="78"/>
      <c r="E428" s="245"/>
      <c r="F428" s="49"/>
    </row>
    <row r="429" spans="2:6" s="93" customFormat="1">
      <c r="B429" s="260"/>
      <c r="C429" s="70" t="s">
        <v>856</v>
      </c>
      <c r="D429" s="78"/>
      <c r="E429" s="245"/>
      <c r="F429" s="49"/>
    </row>
    <row r="430" spans="2:6" s="93" customFormat="1">
      <c r="B430" s="261"/>
      <c r="C430" s="70" t="s">
        <v>848</v>
      </c>
      <c r="D430" s="78"/>
      <c r="E430" s="245"/>
      <c r="F430" s="49"/>
    </row>
    <row r="431" spans="2:6" s="93" customFormat="1">
      <c r="B431" s="123"/>
      <c r="C431" s="124"/>
      <c r="D431" s="102"/>
      <c r="E431" s="246"/>
      <c r="F431" s="49"/>
    </row>
    <row r="432" spans="2:6" s="93" customFormat="1" ht="6.75" customHeight="1">
      <c r="B432" s="162"/>
      <c r="C432" s="163"/>
      <c r="D432" s="103"/>
      <c r="E432" s="103"/>
      <c r="F432" s="49"/>
    </row>
    <row r="433" spans="2:6" s="93" customFormat="1">
      <c r="B433" s="266" t="s">
        <v>897</v>
      </c>
      <c r="C433" s="266"/>
      <c r="D433" s="103"/>
      <c r="E433" s="159"/>
      <c r="F433" s="49"/>
    </row>
    <row r="434" spans="2:6" s="93" customFormat="1">
      <c r="B434" s="243" t="s">
        <v>1359</v>
      </c>
      <c r="C434" s="243"/>
      <c r="D434" s="108"/>
      <c r="E434" s="108"/>
      <c r="F434" s="49"/>
    </row>
    <row r="435" spans="2:6" s="93" customFormat="1">
      <c r="B435" s="250" t="s">
        <v>213</v>
      </c>
      <c r="C435" s="250" t="s">
        <v>214</v>
      </c>
      <c r="D435" s="248" t="s">
        <v>1063</v>
      </c>
      <c r="E435" s="249"/>
      <c r="F435" s="49"/>
    </row>
    <row r="436" spans="2:6" s="93" customFormat="1">
      <c r="B436" s="251"/>
      <c r="C436" s="251"/>
      <c r="D436" s="99" t="s">
        <v>121</v>
      </c>
      <c r="E436" s="99" t="s">
        <v>215</v>
      </c>
      <c r="F436" s="49"/>
    </row>
    <row r="437" spans="2:6" s="93" customFormat="1">
      <c r="B437" s="291" t="s">
        <v>898</v>
      </c>
      <c r="C437" s="12" t="s">
        <v>1055</v>
      </c>
      <c r="D437" s="157"/>
      <c r="E437" s="244"/>
      <c r="F437" s="49"/>
    </row>
    <row r="438" spans="2:6" s="93" customFormat="1">
      <c r="B438" s="292"/>
      <c r="C438" s="11" t="s">
        <v>190</v>
      </c>
      <c r="D438" s="78"/>
      <c r="E438" s="245"/>
      <c r="F438" s="49"/>
    </row>
    <row r="439" spans="2:6" s="93" customFormat="1">
      <c r="B439" s="293"/>
      <c r="C439" s="70" t="s">
        <v>86</v>
      </c>
      <c r="D439" s="78"/>
      <c r="E439" s="245"/>
      <c r="F439" s="49"/>
    </row>
    <row r="440" spans="2:6" s="93" customFormat="1">
      <c r="B440" s="122"/>
      <c r="C440" s="70"/>
      <c r="D440" s="78"/>
      <c r="E440" s="245"/>
      <c r="F440" s="49"/>
    </row>
    <row r="441" spans="2:6" s="93" customFormat="1">
      <c r="B441" s="123"/>
      <c r="C441" s="124"/>
      <c r="D441" s="102"/>
      <c r="E441" s="246"/>
      <c r="F441" s="49"/>
    </row>
    <row r="442" spans="2:6" s="93" customFormat="1">
      <c r="B442" s="127"/>
      <c r="C442" s="132"/>
      <c r="D442" s="103"/>
      <c r="E442" s="159"/>
      <c r="F442" s="49"/>
    </row>
    <row r="443" spans="2:6" s="93" customFormat="1">
      <c r="B443" s="13" t="s">
        <v>1360</v>
      </c>
      <c r="C443" s="14"/>
      <c r="D443" s="108"/>
      <c r="E443" s="108"/>
      <c r="F443" s="49"/>
    </row>
    <row r="444" spans="2:6" s="93" customFormat="1">
      <c r="B444" s="250" t="s">
        <v>213</v>
      </c>
      <c r="C444" s="250" t="s">
        <v>214</v>
      </c>
      <c r="D444" s="248" t="s">
        <v>1063</v>
      </c>
      <c r="E444" s="249"/>
      <c r="F444" s="49"/>
    </row>
    <row r="445" spans="2:6" s="93" customFormat="1">
      <c r="B445" s="251"/>
      <c r="C445" s="251"/>
      <c r="D445" s="99" t="s">
        <v>121</v>
      </c>
      <c r="E445" s="99" t="s">
        <v>215</v>
      </c>
      <c r="F445" s="49"/>
    </row>
    <row r="446" spans="2:6" s="93" customFormat="1">
      <c r="B446" s="262" t="s">
        <v>899</v>
      </c>
      <c r="C446" s="12" t="s">
        <v>1055</v>
      </c>
      <c r="D446" s="157"/>
      <c r="E446" s="244"/>
      <c r="F446" s="49"/>
    </row>
    <row r="447" spans="2:6" s="93" customFormat="1">
      <c r="B447" s="260"/>
      <c r="C447" s="11" t="s">
        <v>218</v>
      </c>
      <c r="D447" s="78"/>
      <c r="E447" s="245"/>
      <c r="F447" s="49"/>
    </row>
    <row r="448" spans="2:6" s="93" customFormat="1">
      <c r="B448" s="260"/>
      <c r="C448" s="11" t="s">
        <v>219</v>
      </c>
      <c r="D448" s="78"/>
      <c r="E448" s="245"/>
      <c r="F448" s="49"/>
    </row>
    <row r="449" spans="2:6" s="93" customFormat="1">
      <c r="B449" s="260"/>
      <c r="C449" s="11" t="s">
        <v>220</v>
      </c>
      <c r="D449" s="78"/>
      <c r="E449" s="245"/>
      <c r="F449" s="49"/>
    </row>
    <row r="450" spans="2:6" s="93" customFormat="1">
      <c r="B450" s="260"/>
      <c r="C450" s="11" t="s">
        <v>106</v>
      </c>
      <c r="D450" s="78"/>
      <c r="E450" s="245"/>
      <c r="F450" s="49"/>
    </row>
    <row r="451" spans="2:6" s="93" customFormat="1">
      <c r="B451" s="260"/>
      <c r="C451" s="70" t="s">
        <v>856</v>
      </c>
      <c r="D451" s="78"/>
      <c r="E451" s="245"/>
      <c r="F451" s="49"/>
    </row>
    <row r="452" spans="2:6" s="93" customFormat="1">
      <c r="B452" s="261"/>
      <c r="C452" s="70" t="s">
        <v>848</v>
      </c>
      <c r="D452" s="78"/>
      <c r="E452" s="245"/>
      <c r="F452" s="49"/>
    </row>
    <row r="453" spans="2:6" s="93" customFormat="1">
      <c r="B453" s="122"/>
      <c r="C453" s="70"/>
      <c r="D453" s="78"/>
      <c r="E453" s="245"/>
      <c r="F453" s="49"/>
    </row>
    <row r="454" spans="2:6" s="93" customFormat="1">
      <c r="B454" s="123"/>
      <c r="C454" s="124"/>
      <c r="D454" s="102"/>
      <c r="E454" s="246"/>
      <c r="F454" s="49"/>
    </row>
    <row r="455" spans="2:6" s="93" customFormat="1">
      <c r="B455" s="127"/>
      <c r="C455" s="132"/>
      <c r="D455" s="103"/>
      <c r="E455" s="159"/>
      <c r="F455" s="49"/>
    </row>
    <row r="456" spans="2:6" s="93" customFormat="1">
      <c r="B456" s="13" t="s">
        <v>1361</v>
      </c>
      <c r="C456" s="14"/>
      <c r="D456" s="108"/>
      <c r="E456" s="108"/>
      <c r="F456" s="49"/>
    </row>
    <row r="457" spans="2:6" s="93" customFormat="1">
      <c r="B457" s="250" t="s">
        <v>213</v>
      </c>
      <c r="C457" s="250" t="s">
        <v>214</v>
      </c>
      <c r="D457" s="248" t="s">
        <v>1063</v>
      </c>
      <c r="E457" s="249"/>
      <c r="F457" s="49"/>
    </row>
    <row r="458" spans="2:6" s="93" customFormat="1">
      <c r="B458" s="251"/>
      <c r="C458" s="251"/>
      <c r="D458" s="99" t="s">
        <v>121</v>
      </c>
      <c r="E458" s="99" t="s">
        <v>215</v>
      </c>
      <c r="F458" s="49"/>
    </row>
    <row r="459" spans="2:6" s="93" customFormat="1">
      <c r="B459" s="262" t="s">
        <v>900</v>
      </c>
      <c r="C459" s="12" t="s">
        <v>1055</v>
      </c>
      <c r="D459" s="157"/>
      <c r="E459" s="244"/>
      <c r="F459" s="49"/>
    </row>
    <row r="460" spans="2:6" s="93" customFormat="1">
      <c r="B460" s="260"/>
      <c r="C460" s="11" t="s">
        <v>218</v>
      </c>
      <c r="D460" s="78"/>
      <c r="E460" s="245"/>
      <c r="F460" s="49"/>
    </row>
    <row r="461" spans="2:6" s="93" customFormat="1">
      <c r="B461" s="260"/>
      <c r="C461" s="11" t="s">
        <v>219</v>
      </c>
      <c r="D461" s="78"/>
      <c r="E461" s="245"/>
      <c r="F461" s="49"/>
    </row>
    <row r="462" spans="2:6" s="93" customFormat="1">
      <c r="B462" s="260"/>
      <c r="C462" s="11" t="s">
        <v>220</v>
      </c>
      <c r="D462" s="78"/>
      <c r="E462" s="245"/>
      <c r="F462" s="49"/>
    </row>
    <row r="463" spans="2:6" s="93" customFormat="1">
      <c r="B463" s="260"/>
      <c r="C463" s="11" t="s">
        <v>221</v>
      </c>
      <c r="D463" s="78"/>
      <c r="E463" s="245"/>
      <c r="F463" s="49"/>
    </row>
    <row r="464" spans="2:6" s="93" customFormat="1">
      <c r="B464" s="260"/>
      <c r="C464" s="11" t="s">
        <v>106</v>
      </c>
      <c r="D464" s="78"/>
      <c r="E464" s="245"/>
      <c r="F464" s="49"/>
    </row>
    <row r="465" spans="2:6" s="93" customFormat="1">
      <c r="B465" s="260"/>
      <c r="C465" s="70" t="s">
        <v>856</v>
      </c>
      <c r="D465" s="78"/>
      <c r="E465" s="245"/>
      <c r="F465" s="49"/>
    </row>
    <row r="466" spans="2:6" s="93" customFormat="1">
      <c r="B466" s="261"/>
      <c r="C466" s="70" t="s">
        <v>848</v>
      </c>
      <c r="D466" s="78"/>
      <c r="E466" s="245"/>
      <c r="F466" s="49"/>
    </row>
    <row r="467" spans="2:6" s="93" customFormat="1">
      <c r="B467" s="122"/>
      <c r="C467" s="70"/>
      <c r="D467" s="78"/>
      <c r="E467" s="245"/>
      <c r="F467" s="49"/>
    </row>
    <row r="468" spans="2:6" s="93" customFormat="1">
      <c r="B468" s="123"/>
      <c r="C468" s="124"/>
      <c r="D468" s="102"/>
      <c r="E468" s="246"/>
      <c r="F468" s="49"/>
    </row>
    <row r="469" spans="2:6" s="93" customFormat="1">
      <c r="B469" s="131"/>
      <c r="C469" s="128"/>
      <c r="D469" s="103"/>
      <c r="E469" s="103"/>
      <c r="F469" s="49"/>
    </row>
    <row r="470" spans="2:6" s="93" customFormat="1">
      <c r="B470" s="13" t="s">
        <v>1362</v>
      </c>
      <c r="C470" s="132"/>
      <c r="D470" s="103"/>
      <c r="E470" s="159"/>
      <c r="F470" s="49"/>
    </row>
    <row r="471" spans="2:6" s="93" customFormat="1">
      <c r="B471" s="266" t="s">
        <v>1363</v>
      </c>
      <c r="C471" s="266"/>
      <c r="D471" s="103"/>
      <c r="E471" s="159"/>
      <c r="F471" s="49"/>
    </row>
    <row r="472" spans="2:6" s="93" customFormat="1">
      <c r="B472" s="13" t="s">
        <v>1364</v>
      </c>
      <c r="C472" s="14"/>
      <c r="D472" s="108"/>
      <c r="E472" s="108"/>
      <c r="F472" s="49"/>
    </row>
    <row r="473" spans="2:6" s="93" customFormat="1">
      <c r="B473" s="250" t="s">
        <v>213</v>
      </c>
      <c r="C473" s="250" t="s">
        <v>214</v>
      </c>
      <c r="D473" s="248" t="s">
        <v>1063</v>
      </c>
      <c r="E473" s="249"/>
      <c r="F473" s="49"/>
    </row>
    <row r="474" spans="2:6" s="93" customFormat="1">
      <c r="B474" s="251"/>
      <c r="C474" s="251"/>
      <c r="D474" s="99" t="s">
        <v>121</v>
      </c>
      <c r="E474" s="99" t="s">
        <v>215</v>
      </c>
      <c r="F474" s="49"/>
    </row>
    <row r="475" spans="2:6" s="93" customFormat="1">
      <c r="B475" s="262" t="s">
        <v>902</v>
      </c>
      <c r="C475" s="12" t="s">
        <v>1055</v>
      </c>
      <c r="D475" s="157"/>
      <c r="E475" s="244"/>
      <c r="F475" s="49"/>
    </row>
    <row r="476" spans="2:6" s="93" customFormat="1">
      <c r="B476" s="260"/>
      <c r="C476" s="34" t="s">
        <v>1365</v>
      </c>
      <c r="D476" s="78"/>
      <c r="E476" s="245"/>
      <c r="F476" s="49"/>
    </row>
    <row r="477" spans="2:6" s="93" customFormat="1">
      <c r="B477" s="260"/>
      <c r="C477" s="34" t="s">
        <v>1366</v>
      </c>
      <c r="D477" s="78"/>
      <c r="E477" s="245"/>
      <c r="F477" s="49"/>
    </row>
    <row r="478" spans="2:6" s="93" customFormat="1">
      <c r="B478" s="260"/>
      <c r="C478" s="34" t="s">
        <v>1367</v>
      </c>
      <c r="D478" s="78"/>
      <c r="E478" s="245"/>
      <c r="F478" s="49"/>
    </row>
    <row r="479" spans="2:6" s="93" customFormat="1">
      <c r="B479" s="261"/>
      <c r="C479" s="70" t="s">
        <v>222</v>
      </c>
      <c r="D479" s="78"/>
      <c r="E479" s="245"/>
      <c r="F479" s="49"/>
    </row>
    <row r="480" spans="2:6" s="93" customFormat="1">
      <c r="B480" s="122"/>
      <c r="C480" s="70"/>
      <c r="D480" s="78"/>
      <c r="E480" s="245"/>
      <c r="F480" s="49"/>
    </row>
    <row r="481" spans="2:6" s="93" customFormat="1">
      <c r="B481" s="123"/>
      <c r="C481" s="124"/>
      <c r="D481" s="102"/>
      <c r="E481" s="246"/>
      <c r="F481" s="49"/>
    </row>
    <row r="482" spans="2:6" s="93" customFormat="1">
      <c r="B482" s="127"/>
      <c r="C482" s="132"/>
      <c r="D482" s="103"/>
      <c r="E482" s="159"/>
      <c r="F482" s="49"/>
    </row>
    <row r="483" spans="2:6" s="93" customFormat="1">
      <c r="B483" s="13" t="s">
        <v>1368</v>
      </c>
      <c r="C483" s="14"/>
      <c r="D483" s="108"/>
      <c r="E483" s="108"/>
      <c r="F483" s="49"/>
    </row>
    <row r="484" spans="2:6" s="93" customFormat="1">
      <c r="B484" s="250" t="s">
        <v>213</v>
      </c>
      <c r="C484" s="250" t="s">
        <v>214</v>
      </c>
      <c r="D484" s="248" t="s">
        <v>1063</v>
      </c>
      <c r="E484" s="249"/>
      <c r="F484" s="49"/>
    </row>
    <row r="485" spans="2:6" s="93" customFormat="1">
      <c r="B485" s="251"/>
      <c r="C485" s="251"/>
      <c r="D485" s="99" t="s">
        <v>121</v>
      </c>
      <c r="E485" s="99" t="s">
        <v>215</v>
      </c>
      <c r="F485" s="49"/>
    </row>
    <row r="486" spans="2:6" s="93" customFormat="1">
      <c r="B486" s="262" t="s">
        <v>903</v>
      </c>
      <c r="C486" s="12" t="s">
        <v>1055</v>
      </c>
      <c r="D486" s="157"/>
      <c r="E486" s="244"/>
      <c r="F486" s="49"/>
    </row>
    <row r="487" spans="2:6" s="93" customFormat="1">
      <c r="B487" s="260"/>
      <c r="C487" s="11" t="s">
        <v>223</v>
      </c>
      <c r="D487" s="78"/>
      <c r="E487" s="245"/>
      <c r="F487" s="49"/>
    </row>
    <row r="488" spans="2:6" s="93" customFormat="1">
      <c r="B488" s="260"/>
      <c r="C488" s="70" t="s">
        <v>224</v>
      </c>
      <c r="D488" s="78"/>
      <c r="E488" s="245"/>
      <c r="F488" s="49"/>
    </row>
    <row r="489" spans="2:6" s="93" customFormat="1">
      <c r="B489" s="261"/>
      <c r="C489" s="70" t="s">
        <v>222</v>
      </c>
      <c r="D489" s="78"/>
      <c r="E489" s="245"/>
      <c r="F489" s="49"/>
    </row>
    <row r="490" spans="2:6" s="93" customFormat="1">
      <c r="B490" s="122"/>
      <c r="C490" s="70"/>
      <c r="D490" s="78"/>
      <c r="E490" s="245"/>
      <c r="F490" s="49"/>
    </row>
    <row r="491" spans="2:6" s="93" customFormat="1">
      <c r="B491" s="123"/>
      <c r="C491" s="124"/>
      <c r="D491" s="102"/>
      <c r="E491" s="246"/>
      <c r="F491" s="49"/>
    </row>
    <row r="492" spans="2:6" s="93" customFormat="1">
      <c r="B492" s="127"/>
      <c r="C492" s="132"/>
      <c r="D492" s="103"/>
      <c r="E492" s="159"/>
      <c r="F492" s="49"/>
    </row>
    <row r="493" spans="2:6" s="93" customFormat="1">
      <c r="B493" s="13" t="s">
        <v>1369</v>
      </c>
      <c r="C493" s="14"/>
      <c r="D493" s="108"/>
      <c r="E493" s="108"/>
      <c r="F493" s="49"/>
    </row>
    <row r="494" spans="2:6" s="93" customFormat="1">
      <c r="B494" s="250" t="s">
        <v>213</v>
      </c>
      <c r="C494" s="250" t="s">
        <v>214</v>
      </c>
      <c r="D494" s="248" t="s">
        <v>1063</v>
      </c>
      <c r="E494" s="249"/>
      <c r="F494" s="49"/>
    </row>
    <row r="495" spans="2:6" s="93" customFormat="1">
      <c r="B495" s="251"/>
      <c r="C495" s="251"/>
      <c r="D495" s="99" t="s">
        <v>121</v>
      </c>
      <c r="E495" s="99" t="s">
        <v>215</v>
      </c>
      <c r="F495" s="49"/>
    </row>
    <row r="496" spans="2:6" s="93" customFormat="1">
      <c r="B496" s="262" t="s">
        <v>1370</v>
      </c>
      <c r="C496" s="12" t="s">
        <v>1055</v>
      </c>
      <c r="D496" s="157"/>
      <c r="E496" s="244"/>
      <c r="F496" s="49"/>
    </row>
    <row r="497" spans="2:6" s="93" customFormat="1">
      <c r="B497" s="260"/>
      <c r="C497" s="11" t="s">
        <v>225</v>
      </c>
      <c r="D497" s="78"/>
      <c r="E497" s="245"/>
      <c r="F497" s="49"/>
    </row>
    <row r="498" spans="2:6" s="93" customFormat="1">
      <c r="B498" s="261"/>
      <c r="C498" s="70" t="s">
        <v>222</v>
      </c>
      <c r="D498" s="78"/>
      <c r="E498" s="245"/>
      <c r="F498" s="49"/>
    </row>
    <row r="499" spans="2:6" s="93" customFormat="1">
      <c r="B499" s="122"/>
      <c r="C499" s="70"/>
      <c r="D499" s="78"/>
      <c r="E499" s="245"/>
      <c r="F499" s="49"/>
    </row>
    <row r="500" spans="2:6" s="93" customFormat="1">
      <c r="B500" s="123"/>
      <c r="C500" s="124"/>
      <c r="D500" s="102"/>
      <c r="E500" s="246"/>
      <c r="F500" s="49"/>
    </row>
    <row r="501" spans="2:6" s="93" customFormat="1">
      <c r="B501" s="127"/>
      <c r="C501" s="132"/>
      <c r="D501" s="103"/>
      <c r="E501" s="159"/>
      <c r="F501" s="49"/>
    </row>
    <row r="502" spans="2:6" s="93" customFormat="1">
      <c r="B502" s="13" t="s">
        <v>1371</v>
      </c>
      <c r="C502" s="14"/>
      <c r="D502" s="108"/>
      <c r="E502" s="108"/>
      <c r="F502" s="49"/>
    </row>
    <row r="503" spans="2:6" s="93" customFormat="1">
      <c r="B503" s="250" t="s">
        <v>213</v>
      </c>
      <c r="C503" s="250" t="s">
        <v>214</v>
      </c>
      <c r="D503" s="248" t="s">
        <v>1063</v>
      </c>
      <c r="E503" s="249"/>
      <c r="F503" s="49"/>
    </row>
    <row r="504" spans="2:6" s="93" customFormat="1">
      <c r="B504" s="251"/>
      <c r="C504" s="251"/>
      <c r="D504" s="99" t="s">
        <v>121</v>
      </c>
      <c r="E504" s="99" t="s">
        <v>215</v>
      </c>
      <c r="F504" s="49"/>
    </row>
    <row r="505" spans="2:6" s="93" customFormat="1">
      <c r="B505" s="264" t="s">
        <v>226</v>
      </c>
      <c r="C505" s="151" t="s">
        <v>227</v>
      </c>
      <c r="D505" s="104"/>
      <c r="E505" s="244"/>
      <c r="F505" s="49"/>
    </row>
    <row r="506" spans="2:6" s="93" customFormat="1">
      <c r="B506" s="254"/>
      <c r="C506" s="11" t="s">
        <v>904</v>
      </c>
      <c r="D506" s="78"/>
      <c r="E506" s="245"/>
      <c r="F506" s="49"/>
    </row>
    <row r="507" spans="2:6" s="93" customFormat="1">
      <c r="B507" s="254" t="s">
        <v>302</v>
      </c>
      <c r="C507" s="77" t="s">
        <v>301</v>
      </c>
      <c r="D507" s="78"/>
      <c r="E507" s="245"/>
      <c r="F507" s="49"/>
    </row>
    <row r="508" spans="2:6" s="93" customFormat="1">
      <c r="B508" s="254"/>
      <c r="C508" s="86" t="s">
        <v>564</v>
      </c>
      <c r="D508" s="78"/>
      <c r="E508" s="245"/>
      <c r="F508" s="49"/>
    </row>
    <row r="509" spans="2:6" s="93" customFormat="1">
      <c r="B509" s="254"/>
      <c r="C509" s="77" t="s">
        <v>424</v>
      </c>
      <c r="D509" s="78"/>
      <c r="E509" s="245"/>
      <c r="F509" s="49"/>
    </row>
    <row r="510" spans="2:6" s="93" customFormat="1">
      <c r="B510" s="254" t="s">
        <v>303</v>
      </c>
      <c r="C510" s="77" t="s">
        <v>547</v>
      </c>
      <c r="D510" s="78"/>
      <c r="E510" s="245"/>
      <c r="F510" s="49"/>
    </row>
    <row r="511" spans="2:6" s="93" customFormat="1">
      <c r="B511" s="254"/>
      <c r="C511" s="77" t="s">
        <v>545</v>
      </c>
      <c r="D511" s="78"/>
      <c r="E511" s="245"/>
      <c r="F511" s="49"/>
    </row>
    <row r="512" spans="2:6" s="93" customFormat="1">
      <c r="B512" s="122"/>
      <c r="C512" s="70"/>
      <c r="D512" s="78"/>
      <c r="E512" s="245"/>
      <c r="F512" s="49"/>
    </row>
    <row r="513" spans="2:6" s="93" customFormat="1">
      <c r="B513" s="123"/>
      <c r="C513" s="124"/>
      <c r="D513" s="102"/>
      <c r="E513" s="246"/>
      <c r="F513" s="49"/>
    </row>
    <row r="514" spans="2:6" s="93" customFormat="1">
      <c r="B514" s="127"/>
      <c r="C514" s="132"/>
      <c r="D514" s="103"/>
      <c r="E514" s="159"/>
      <c r="F514" s="49"/>
    </row>
    <row r="515" spans="2:6">
      <c r="B515" s="97"/>
    </row>
  </sheetData>
  <mergeCells count="234">
    <mergeCell ref="B330:B334"/>
    <mergeCell ref="B338:C338"/>
    <mergeCell ref="B375:C375"/>
    <mergeCell ref="B374:C374"/>
    <mergeCell ref="B314:B316"/>
    <mergeCell ref="B323:B324"/>
    <mergeCell ref="B85:C85"/>
    <mergeCell ref="B114:B120"/>
    <mergeCell ref="E496:E500"/>
    <mergeCell ref="E459:E468"/>
    <mergeCell ref="B473:B474"/>
    <mergeCell ref="C473:C474"/>
    <mergeCell ref="D473:E473"/>
    <mergeCell ref="E475:E481"/>
    <mergeCell ref="B444:B445"/>
    <mergeCell ref="C444:C445"/>
    <mergeCell ref="D444:E444"/>
    <mergeCell ref="E446:E454"/>
    <mergeCell ref="B457:B458"/>
    <mergeCell ref="C457:C458"/>
    <mergeCell ref="D457:E457"/>
    <mergeCell ref="B446:B452"/>
    <mergeCell ref="B459:B466"/>
    <mergeCell ref="B471:C471"/>
    <mergeCell ref="B503:B504"/>
    <mergeCell ref="C503:C504"/>
    <mergeCell ref="D503:E503"/>
    <mergeCell ref="E505:E513"/>
    <mergeCell ref="B484:B485"/>
    <mergeCell ref="C484:C485"/>
    <mergeCell ref="D484:E484"/>
    <mergeCell ref="E486:E491"/>
    <mergeCell ref="B494:B495"/>
    <mergeCell ref="C494:C495"/>
    <mergeCell ref="D494:E494"/>
    <mergeCell ref="B486:B489"/>
    <mergeCell ref="B496:B498"/>
    <mergeCell ref="B505:B506"/>
    <mergeCell ref="B507:B509"/>
    <mergeCell ref="B510:B511"/>
    <mergeCell ref="B475:B479"/>
    <mergeCell ref="E427:E431"/>
    <mergeCell ref="B435:B436"/>
    <mergeCell ref="C435:C436"/>
    <mergeCell ref="D435:E435"/>
    <mergeCell ref="E437:E441"/>
    <mergeCell ref="B415:B416"/>
    <mergeCell ref="C415:C416"/>
    <mergeCell ref="D415:E415"/>
    <mergeCell ref="E417:E422"/>
    <mergeCell ref="B425:B426"/>
    <mergeCell ref="C425:C426"/>
    <mergeCell ref="D425:E425"/>
    <mergeCell ref="B417:B420"/>
    <mergeCell ref="B424:C424"/>
    <mergeCell ref="B427:B430"/>
    <mergeCell ref="B433:C433"/>
    <mergeCell ref="B434:C434"/>
    <mergeCell ref="B437:B439"/>
    <mergeCell ref="E389:E398"/>
    <mergeCell ref="B402:B403"/>
    <mergeCell ref="C402:C403"/>
    <mergeCell ref="D402:E402"/>
    <mergeCell ref="E404:E412"/>
    <mergeCell ref="B376:B377"/>
    <mergeCell ref="C376:C377"/>
    <mergeCell ref="D376:E376"/>
    <mergeCell ref="E378:E384"/>
    <mergeCell ref="B387:B388"/>
    <mergeCell ref="C387:C388"/>
    <mergeCell ref="D387:E387"/>
    <mergeCell ref="B400:C400"/>
    <mergeCell ref="B401:C401"/>
    <mergeCell ref="B404:B410"/>
    <mergeCell ref="B378:B382"/>
    <mergeCell ref="B389:B396"/>
    <mergeCell ref="E348:E356"/>
    <mergeCell ref="B359:B360"/>
    <mergeCell ref="C359:C360"/>
    <mergeCell ref="D359:E359"/>
    <mergeCell ref="E361:E372"/>
    <mergeCell ref="B339:B340"/>
    <mergeCell ref="C339:C340"/>
    <mergeCell ref="D339:E339"/>
    <mergeCell ref="E341:E343"/>
    <mergeCell ref="B346:B347"/>
    <mergeCell ref="C346:C347"/>
    <mergeCell ref="D346:E346"/>
    <mergeCell ref="B348:B354"/>
    <mergeCell ref="B361:B370"/>
    <mergeCell ref="E330:E336"/>
    <mergeCell ref="B231:B240"/>
    <mergeCell ref="B218:B224"/>
    <mergeCell ref="B204:B210"/>
    <mergeCell ref="B179:B182"/>
    <mergeCell ref="B245:C245"/>
    <mergeCell ref="B248:B252"/>
    <mergeCell ref="B279:B287"/>
    <mergeCell ref="B294:B296"/>
    <mergeCell ref="B301:C301"/>
    <mergeCell ref="B304:B307"/>
    <mergeCell ref="B321:B322"/>
    <mergeCell ref="C321:C322"/>
    <mergeCell ref="D321:E321"/>
    <mergeCell ref="E323:E325"/>
    <mergeCell ref="B328:B329"/>
    <mergeCell ref="C328:C329"/>
    <mergeCell ref="D328:E328"/>
    <mergeCell ref="E304:E309"/>
    <mergeCell ref="B312:B313"/>
    <mergeCell ref="C312:C313"/>
    <mergeCell ref="D312:E312"/>
    <mergeCell ref="E314:E318"/>
    <mergeCell ref="B292:B293"/>
    <mergeCell ref="D292:E292"/>
    <mergeCell ref="E294:E298"/>
    <mergeCell ref="B302:B303"/>
    <mergeCell ref="C302:C303"/>
    <mergeCell ref="D302:E302"/>
    <mergeCell ref="E270:E274"/>
    <mergeCell ref="B277:B278"/>
    <mergeCell ref="C277:C278"/>
    <mergeCell ref="D277:E277"/>
    <mergeCell ref="E279:E289"/>
    <mergeCell ref="C292:C293"/>
    <mergeCell ref="D257:E257"/>
    <mergeCell ref="E259:E265"/>
    <mergeCell ref="B268:B269"/>
    <mergeCell ref="C268:C269"/>
    <mergeCell ref="D268:E268"/>
    <mergeCell ref="B246:B247"/>
    <mergeCell ref="C246:C247"/>
    <mergeCell ref="D246:E246"/>
    <mergeCell ref="E248:E254"/>
    <mergeCell ref="B257:B258"/>
    <mergeCell ref="C257:C258"/>
    <mergeCell ref="E218:E226"/>
    <mergeCell ref="B229:B230"/>
    <mergeCell ref="C229:C230"/>
    <mergeCell ref="D229:E229"/>
    <mergeCell ref="E231:E242"/>
    <mergeCell ref="B202:B203"/>
    <mergeCell ref="C202:C203"/>
    <mergeCell ref="D202:E202"/>
    <mergeCell ref="E204:E212"/>
    <mergeCell ref="B216:B217"/>
    <mergeCell ref="C216:C217"/>
    <mergeCell ref="D216:E216"/>
    <mergeCell ref="B215:C215"/>
    <mergeCell ref="E179:E183"/>
    <mergeCell ref="B186:B187"/>
    <mergeCell ref="C186:C187"/>
    <mergeCell ref="D186:E186"/>
    <mergeCell ref="E188:E199"/>
    <mergeCell ref="B157:B158"/>
    <mergeCell ref="C157:C158"/>
    <mergeCell ref="D157:E157"/>
    <mergeCell ref="E159:E174"/>
    <mergeCell ref="B177:B178"/>
    <mergeCell ref="C177:C178"/>
    <mergeCell ref="D177:E177"/>
    <mergeCell ref="B159:B172"/>
    <mergeCell ref="B188:B197"/>
    <mergeCell ref="E138:E143"/>
    <mergeCell ref="B146:B147"/>
    <mergeCell ref="C146:C147"/>
    <mergeCell ref="D146:E146"/>
    <mergeCell ref="E148:E153"/>
    <mergeCell ref="D126:E126"/>
    <mergeCell ref="E128:E133"/>
    <mergeCell ref="B136:B137"/>
    <mergeCell ref="C136:C137"/>
    <mergeCell ref="D136:E136"/>
    <mergeCell ref="B128:B131"/>
    <mergeCell ref="B148:B151"/>
    <mergeCell ref="B138:B141"/>
    <mergeCell ref="B126:B127"/>
    <mergeCell ref="C126:C127"/>
    <mergeCell ref="B145:C145"/>
    <mergeCell ref="E98:E102"/>
    <mergeCell ref="B105:B106"/>
    <mergeCell ref="C105:C106"/>
    <mergeCell ref="D105:E105"/>
    <mergeCell ref="E107:E109"/>
    <mergeCell ref="D86:E86"/>
    <mergeCell ref="E88:E93"/>
    <mergeCell ref="B96:B97"/>
    <mergeCell ref="C96:C97"/>
    <mergeCell ref="D96:E96"/>
    <mergeCell ref="B88:B91"/>
    <mergeCell ref="B98:B100"/>
    <mergeCell ref="E79:E83"/>
    <mergeCell ref="B112:B113"/>
    <mergeCell ref="C112:C113"/>
    <mergeCell ref="D112:E112"/>
    <mergeCell ref="E114:E122"/>
    <mergeCell ref="D77:E77"/>
    <mergeCell ref="B4:E4"/>
    <mergeCell ref="C15:C16"/>
    <mergeCell ref="B15:B16"/>
    <mergeCell ref="B8:B9"/>
    <mergeCell ref="C8:C9"/>
    <mergeCell ref="E10:E12"/>
    <mergeCell ref="B56:B57"/>
    <mergeCell ref="C56:C57"/>
    <mergeCell ref="B66:B67"/>
    <mergeCell ref="C66:C67"/>
    <mergeCell ref="B77:B78"/>
    <mergeCell ref="C77:C78"/>
    <mergeCell ref="B86:B87"/>
    <mergeCell ref="C86:C87"/>
    <mergeCell ref="B68:B72"/>
    <mergeCell ref="B79:B81"/>
    <mergeCell ref="B58:B59"/>
    <mergeCell ref="D8:E8"/>
    <mergeCell ref="D15:E15"/>
    <mergeCell ref="D56:E56"/>
    <mergeCell ref="E58:E62"/>
    <mergeCell ref="D66:E66"/>
    <mergeCell ref="E68:E74"/>
    <mergeCell ref="B54:E54"/>
    <mergeCell ref="B17:B18"/>
    <mergeCell ref="B21:B22"/>
    <mergeCell ref="E17:E24"/>
    <mergeCell ref="B27:B28"/>
    <mergeCell ref="C27:C28"/>
    <mergeCell ref="D27:E27"/>
    <mergeCell ref="E29:E52"/>
    <mergeCell ref="B31:B34"/>
    <mergeCell ref="B37:B39"/>
    <mergeCell ref="B40:B42"/>
    <mergeCell ref="B43:B46"/>
    <mergeCell ref="B47:B50"/>
    <mergeCell ref="B26:C26"/>
  </mergeCells>
  <phoneticPr fontId="6"/>
  <pageMargins left="0.78740157480314965" right="0.59055118110236227" top="0.78740157480314965" bottom="0.78740157480314965" header="0.51181102362204722" footer="0.51181102362204722"/>
  <pageSetup paperSize="9" fitToHeight="0" orientation="portrait" r:id="rId1"/>
  <headerFooter alignWithMargins="0"/>
  <rowBreaks count="7" manualBreakCount="7">
    <brk id="52" min="1" max="4" man="1"/>
    <brk id="153" min="1" max="4" man="1"/>
    <brk id="265" min="1" max="4" man="1"/>
    <brk id="318" min="1" max="4" man="1"/>
    <brk id="373" min="1" max="4" man="1"/>
    <brk id="432" min="1" max="4" man="1"/>
    <brk id="481" min="1" max="4"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58"/>
  <sheetViews>
    <sheetView showGridLines="0" view="pageBreakPreview" topLeftCell="A16" zoomScale="90" zoomScaleNormal="100" zoomScaleSheetLayoutView="90" workbookViewId="0">
      <selection activeCell="L33" sqref="L33"/>
    </sheetView>
  </sheetViews>
  <sheetFormatPr defaultColWidth="9" defaultRowHeight="13.2"/>
  <cols>
    <col min="1" max="1" width="9" style="9"/>
    <col min="2" max="2" width="10.77734375" style="9" customWidth="1"/>
    <col min="3" max="16384" width="9" style="9"/>
  </cols>
  <sheetData>
    <row r="1" spans="1:9">
      <c r="A1" s="1"/>
      <c r="B1" s="2"/>
      <c r="C1" s="2"/>
      <c r="D1" s="2"/>
      <c r="E1" s="2"/>
      <c r="F1" s="2"/>
      <c r="G1" s="2"/>
      <c r="H1" s="2"/>
    </row>
    <row r="2" spans="1:9">
      <c r="A2" s="1"/>
      <c r="B2" s="2"/>
      <c r="C2" s="2"/>
      <c r="D2" s="2"/>
      <c r="E2" s="2"/>
      <c r="F2" s="2"/>
      <c r="G2" s="2"/>
      <c r="H2" s="2"/>
    </row>
    <row r="3" spans="1:9">
      <c r="A3" s="1"/>
      <c r="B3" s="2"/>
      <c r="C3" s="2"/>
      <c r="D3" s="236"/>
      <c r="E3" s="236"/>
      <c r="F3" s="2"/>
      <c r="G3" s="2"/>
      <c r="H3" s="2"/>
    </row>
    <row r="4" spans="1:9">
      <c r="A4" s="1"/>
      <c r="B4" s="2"/>
      <c r="C4" s="2"/>
      <c r="D4" s="236"/>
      <c r="E4" s="236"/>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237" t="s">
        <v>1490</v>
      </c>
      <c r="B9" s="237"/>
      <c r="C9" s="237"/>
      <c r="D9" s="237"/>
      <c r="E9" s="237"/>
      <c r="F9" s="237"/>
      <c r="G9" s="237"/>
      <c r="H9" s="237"/>
      <c r="I9" s="237"/>
    </row>
    <row r="10" spans="1:9">
      <c r="A10" s="3"/>
      <c r="B10" s="2"/>
      <c r="C10" s="2"/>
      <c r="D10" s="2"/>
      <c r="E10" s="2"/>
      <c r="F10" s="2"/>
      <c r="G10" s="2"/>
      <c r="H10" s="2"/>
    </row>
    <row r="11" spans="1:9" ht="16.2">
      <c r="A11" s="238"/>
      <c r="B11" s="238"/>
      <c r="C11" s="238"/>
      <c r="D11" s="238"/>
      <c r="E11" s="238"/>
      <c r="F11" s="238"/>
      <c r="G11" s="238"/>
      <c r="H11" s="238"/>
      <c r="I11" s="238"/>
    </row>
    <row r="12" spans="1:9">
      <c r="A12" s="3"/>
      <c r="B12" s="2"/>
      <c r="C12" s="2"/>
      <c r="D12" s="2"/>
      <c r="E12" s="2"/>
      <c r="F12" s="2"/>
      <c r="G12" s="2"/>
      <c r="H12" s="2"/>
    </row>
    <row r="13" spans="1:9">
      <c r="A13" s="239"/>
      <c r="B13" s="239"/>
      <c r="C13" s="239"/>
      <c r="D13" s="239"/>
      <c r="E13" s="239"/>
      <c r="F13" s="239"/>
      <c r="G13" s="239"/>
      <c r="H13" s="23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240" t="s">
        <v>561</v>
      </c>
      <c r="B18" s="240"/>
      <c r="C18" s="5"/>
      <c r="D18" s="5"/>
      <c r="E18" s="5"/>
      <c r="F18" s="5"/>
      <c r="G18" s="5"/>
      <c r="H18" s="5"/>
    </row>
    <row r="19" spans="1:8" ht="14.4">
      <c r="A19" s="45"/>
      <c r="B19" s="45"/>
      <c r="C19" s="6"/>
      <c r="D19" s="6"/>
      <c r="E19" s="6"/>
      <c r="F19" s="6"/>
      <c r="G19" s="6"/>
      <c r="H19" s="6"/>
    </row>
    <row r="20" spans="1:8" ht="14.4">
      <c r="A20" s="45"/>
      <c r="B20" s="45"/>
      <c r="C20" s="6"/>
      <c r="D20" s="6"/>
      <c r="E20" s="6"/>
      <c r="F20" s="6"/>
      <c r="G20" s="6"/>
      <c r="H20" s="6"/>
    </row>
    <row r="21" spans="1:8" ht="14.4">
      <c r="A21" s="45"/>
      <c r="B21" s="45"/>
      <c r="C21" s="6"/>
      <c r="D21" s="6"/>
      <c r="E21" s="6"/>
      <c r="F21" s="6"/>
      <c r="G21" s="6"/>
      <c r="H21" s="6"/>
    </row>
    <row r="22" spans="1:8" ht="14.25" customHeight="1">
      <c r="A22" s="240" t="s">
        <v>562</v>
      </c>
      <c r="B22" s="240"/>
      <c r="C22" s="5"/>
      <c r="D22" s="5"/>
      <c r="E22" s="5"/>
      <c r="F22" s="5"/>
      <c r="G22" s="5"/>
      <c r="H22" s="5"/>
    </row>
    <row r="23" spans="1:8" ht="14.25" customHeight="1">
      <c r="A23" s="45"/>
      <c r="B23" s="45"/>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4">
      <c r="A26" s="240" t="s">
        <v>563</v>
      </c>
      <c r="B26" s="240"/>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240" t="s">
        <v>540</v>
      </c>
      <c r="B31" s="24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235" t="s">
        <v>498</v>
      </c>
      <c r="C34" s="235"/>
      <c r="D34" s="235"/>
      <c r="E34" s="242"/>
      <c r="F34" s="242"/>
      <c r="G34" s="242"/>
      <c r="H34" s="242"/>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235" t="s">
        <v>499</v>
      </c>
      <c r="C38" s="235"/>
      <c r="D38" s="235"/>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235" t="s">
        <v>500</v>
      </c>
      <c r="C42" s="235"/>
      <c r="D42" s="235"/>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0"/>
      <c r="B53" s="10"/>
      <c r="C53" s="10"/>
      <c r="D53" s="10"/>
      <c r="E53" s="2"/>
      <c r="F53" s="2"/>
      <c r="G53" s="2"/>
      <c r="H53" s="2"/>
    </row>
    <row r="54" spans="1:8">
      <c r="A54" s="3"/>
      <c r="B54" s="2"/>
      <c r="C54" s="2"/>
      <c r="D54" s="2"/>
      <c r="E54" s="5"/>
      <c r="F54" s="5"/>
      <c r="G54" s="5"/>
      <c r="H54" s="5"/>
    </row>
    <row r="55" spans="1:8" ht="14.4">
      <c r="A55" s="10"/>
      <c r="B55" s="10"/>
      <c r="C55" s="10"/>
      <c r="D55" s="10"/>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6"/>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B1:E482"/>
  <sheetViews>
    <sheetView showGridLines="0" view="pageBreakPreview" zoomScale="130" zoomScaleNormal="115" zoomScaleSheetLayoutView="130" workbookViewId="0">
      <selection activeCell="C13" sqref="C13"/>
    </sheetView>
  </sheetViews>
  <sheetFormatPr defaultColWidth="9" defaultRowHeight="13.2"/>
  <cols>
    <col min="1" max="1" width="1" style="49" customWidth="1"/>
    <col min="2" max="2" width="20" style="49" bestFit="1" customWidth="1"/>
    <col min="3" max="3" width="58.88671875" style="49" customWidth="1"/>
    <col min="4" max="5" width="3" style="49" customWidth="1"/>
    <col min="6" max="16384" width="9" style="49"/>
  </cols>
  <sheetData>
    <row r="1" spans="2:5">
      <c r="E1" s="49" t="s">
        <v>555</v>
      </c>
    </row>
    <row r="2" spans="2:5" ht="6.75" customHeight="1">
      <c r="B2" s="97"/>
    </row>
    <row r="3" spans="2:5" ht="6.75" customHeight="1">
      <c r="B3" s="97"/>
    </row>
    <row r="4" spans="2:5" ht="15.75" customHeight="1">
      <c r="B4" s="72" t="s">
        <v>1077</v>
      </c>
      <c r="C4" s="98"/>
      <c r="D4" s="98"/>
      <c r="E4" s="98"/>
    </row>
    <row r="5" spans="2:5" ht="13.5" customHeight="1">
      <c r="B5" s="73" t="s">
        <v>905</v>
      </c>
    </row>
    <row r="6" spans="2:5">
      <c r="B6" s="13" t="s">
        <v>661</v>
      </c>
      <c r="C6" s="74"/>
    </row>
    <row r="7" spans="2:5" ht="13.5" customHeight="1">
      <c r="B7" s="250" t="s">
        <v>213</v>
      </c>
      <c r="C7" s="250" t="s">
        <v>214</v>
      </c>
      <c r="D7" s="248" t="s">
        <v>1041</v>
      </c>
      <c r="E7" s="249"/>
    </row>
    <row r="8" spans="2:5">
      <c r="B8" s="251"/>
      <c r="C8" s="251"/>
      <c r="D8" s="99" t="s">
        <v>1040</v>
      </c>
      <c r="E8" s="99" t="s">
        <v>215</v>
      </c>
    </row>
    <row r="9" spans="2:5" s="68" customFormat="1">
      <c r="B9" s="285" t="s">
        <v>906</v>
      </c>
      <c r="C9" s="75" t="s">
        <v>907</v>
      </c>
      <c r="D9" s="100"/>
      <c r="E9" s="244"/>
    </row>
    <row r="10" spans="2:5" s="68" customFormat="1" ht="30" customHeight="1">
      <c r="B10" s="286"/>
      <c r="C10" s="76" t="s">
        <v>1479</v>
      </c>
      <c r="D10" s="78"/>
      <c r="E10" s="245"/>
    </row>
    <row r="11" spans="2:5" s="68" customFormat="1" ht="30" customHeight="1">
      <c r="B11" s="286"/>
      <c r="C11" s="76" t="s">
        <v>1480</v>
      </c>
      <c r="D11" s="78"/>
      <c r="E11" s="245"/>
    </row>
    <row r="12" spans="2:5" s="68" customFormat="1" ht="30" customHeight="1">
      <c r="B12" s="286"/>
      <c r="C12" s="76" t="s">
        <v>1481</v>
      </c>
      <c r="D12" s="101"/>
      <c r="E12" s="245"/>
    </row>
    <row r="13" spans="2:5" s="68" customFormat="1" ht="21" customHeight="1">
      <c r="B13" s="286"/>
      <c r="C13" s="76" t="s">
        <v>1482</v>
      </c>
      <c r="D13" s="78"/>
      <c r="E13" s="245"/>
    </row>
    <row r="14" spans="2:5" s="68" customFormat="1" ht="13.5" customHeight="1">
      <c r="B14" s="286"/>
      <c r="C14" s="77" t="s">
        <v>1469</v>
      </c>
      <c r="D14" s="78"/>
      <c r="E14" s="245"/>
    </row>
    <row r="15" spans="2:5" s="68" customFormat="1" ht="13.5" customHeight="1">
      <c r="B15" s="286"/>
      <c r="C15" s="77" t="s">
        <v>1470</v>
      </c>
      <c r="D15" s="78"/>
      <c r="E15" s="245"/>
    </row>
    <row r="16" spans="2:5" s="68" customFormat="1" ht="13.5" customHeight="1">
      <c r="B16" s="287"/>
      <c r="C16" s="77"/>
      <c r="D16" s="78"/>
      <c r="E16" s="245"/>
    </row>
    <row r="17" spans="2:5" s="68" customFormat="1">
      <c r="B17" s="79"/>
      <c r="C17" s="80"/>
      <c r="D17" s="78"/>
      <c r="E17" s="245"/>
    </row>
    <row r="18" spans="2:5" s="68" customFormat="1">
      <c r="B18" s="81"/>
      <c r="C18" s="82"/>
      <c r="D18" s="102"/>
      <c r="E18" s="246"/>
    </row>
    <row r="19" spans="2:5" s="68" customFormat="1">
      <c r="B19" s="83"/>
      <c r="C19" s="84"/>
      <c r="D19" s="103"/>
      <c r="E19" s="103"/>
    </row>
    <row r="20" spans="2:5" s="68" customFormat="1">
      <c r="B20" s="73" t="s">
        <v>908</v>
      </c>
      <c r="C20" s="49"/>
      <c r="D20" s="49"/>
      <c r="E20" s="49"/>
    </row>
    <row r="21" spans="2:5" s="68" customFormat="1">
      <c r="B21" s="243" t="s">
        <v>1311</v>
      </c>
      <c r="C21" s="243"/>
      <c r="D21" s="49"/>
      <c r="E21" s="49"/>
    </row>
    <row r="22" spans="2:5" s="68" customFormat="1">
      <c r="B22" s="250" t="s">
        <v>213</v>
      </c>
      <c r="C22" s="250" t="s">
        <v>214</v>
      </c>
      <c r="D22" s="248" t="s">
        <v>1041</v>
      </c>
      <c r="E22" s="249"/>
    </row>
    <row r="23" spans="2:5" s="68" customFormat="1">
      <c r="B23" s="251"/>
      <c r="C23" s="251"/>
      <c r="D23" s="99" t="s">
        <v>1040</v>
      </c>
      <c r="E23" s="99" t="s">
        <v>215</v>
      </c>
    </row>
    <row r="24" spans="2:5" s="68" customFormat="1" ht="30" customHeight="1">
      <c r="B24" s="280" t="s">
        <v>1075</v>
      </c>
      <c r="C24" s="85" t="s">
        <v>909</v>
      </c>
      <c r="D24" s="104"/>
      <c r="E24" s="244"/>
    </row>
    <row r="25" spans="2:5" s="68" customFormat="1" ht="30" customHeight="1">
      <c r="B25" s="252"/>
      <c r="C25" s="86" t="s">
        <v>1084</v>
      </c>
      <c r="D25" s="78"/>
      <c r="E25" s="245"/>
    </row>
    <row r="26" spans="2:5" s="68" customFormat="1" ht="30" customHeight="1">
      <c r="B26" s="252"/>
      <c r="C26" s="86" t="s">
        <v>1083</v>
      </c>
      <c r="D26" s="78"/>
      <c r="E26" s="245"/>
    </row>
    <row r="27" spans="2:5" s="68" customFormat="1" ht="30" customHeight="1">
      <c r="B27" s="252"/>
      <c r="C27" s="86" t="s">
        <v>1082</v>
      </c>
      <c r="D27" s="78"/>
      <c r="E27" s="245"/>
    </row>
    <row r="28" spans="2:5" s="68" customFormat="1" ht="45" customHeight="1">
      <c r="B28" s="252"/>
      <c r="C28" s="86" t="s">
        <v>1078</v>
      </c>
      <c r="D28" s="78"/>
      <c r="E28" s="245"/>
    </row>
    <row r="29" spans="2:5" s="68" customFormat="1" ht="30" customHeight="1">
      <c r="B29" s="252"/>
      <c r="C29" s="86" t="s">
        <v>1081</v>
      </c>
      <c r="D29" s="78"/>
      <c r="E29" s="245"/>
    </row>
    <row r="30" spans="2:5" s="68" customFormat="1">
      <c r="B30" s="86" t="s">
        <v>638</v>
      </c>
      <c r="C30" s="86" t="s">
        <v>910</v>
      </c>
      <c r="D30" s="78"/>
      <c r="E30" s="245"/>
    </row>
    <row r="31" spans="2:5" s="68" customFormat="1">
      <c r="B31" s="79"/>
      <c r="C31" s="80"/>
      <c r="D31" s="78"/>
      <c r="E31" s="245"/>
    </row>
    <row r="32" spans="2:5" s="68" customFormat="1">
      <c r="B32" s="79"/>
      <c r="C32" s="80"/>
      <c r="D32" s="78"/>
      <c r="E32" s="245"/>
    </row>
    <row r="33" spans="2:5" s="68" customFormat="1">
      <c r="B33" s="81"/>
      <c r="C33" s="82"/>
      <c r="D33" s="102"/>
      <c r="E33" s="246"/>
    </row>
    <row r="34" spans="2:5" s="68" customFormat="1">
      <c r="B34" s="83"/>
      <c r="C34" s="84"/>
      <c r="D34" s="103"/>
      <c r="E34" s="103"/>
    </row>
    <row r="35" spans="2:5" s="68" customFormat="1">
      <c r="B35" s="243" t="s">
        <v>1373</v>
      </c>
      <c r="C35" s="243"/>
      <c r="D35" s="49"/>
      <c r="E35" s="49"/>
    </row>
    <row r="36" spans="2:5" s="68" customFormat="1">
      <c r="B36" s="250" t="s">
        <v>213</v>
      </c>
      <c r="C36" s="250" t="s">
        <v>214</v>
      </c>
      <c r="D36" s="248" t="s">
        <v>1041</v>
      </c>
      <c r="E36" s="249"/>
    </row>
    <row r="37" spans="2:5" s="68" customFormat="1">
      <c r="B37" s="251"/>
      <c r="C37" s="251"/>
      <c r="D37" s="99" t="s">
        <v>1040</v>
      </c>
      <c r="E37" s="99" t="s">
        <v>215</v>
      </c>
    </row>
    <row r="38" spans="2:5" s="68" customFormat="1">
      <c r="B38" s="270" t="s">
        <v>1471</v>
      </c>
      <c r="C38" s="86" t="s">
        <v>911</v>
      </c>
      <c r="D38" s="78"/>
      <c r="E38" s="245"/>
    </row>
    <row r="39" spans="2:5" s="68" customFormat="1" ht="30" customHeight="1">
      <c r="B39" s="270"/>
      <c r="C39" s="86" t="s">
        <v>1053</v>
      </c>
      <c r="D39" s="78"/>
      <c r="E39" s="245"/>
    </row>
    <row r="40" spans="2:5" s="68" customFormat="1" ht="30" customHeight="1">
      <c r="B40" s="270"/>
      <c r="C40" s="86" t="s">
        <v>1079</v>
      </c>
      <c r="D40" s="78"/>
      <c r="E40" s="245"/>
    </row>
    <row r="41" spans="2:5" s="68" customFormat="1" ht="44.25" customHeight="1">
      <c r="B41" s="270"/>
      <c r="C41" s="86" t="s">
        <v>1080</v>
      </c>
      <c r="D41" s="78"/>
      <c r="E41" s="245"/>
    </row>
    <row r="42" spans="2:5" s="68" customFormat="1" ht="30" customHeight="1">
      <c r="B42" s="270"/>
      <c r="C42" s="86" t="s">
        <v>1085</v>
      </c>
      <c r="D42" s="78"/>
      <c r="E42" s="245"/>
    </row>
    <row r="43" spans="2:5" s="68" customFormat="1">
      <c r="B43" s="271"/>
      <c r="C43" s="86" t="s">
        <v>916</v>
      </c>
      <c r="D43" s="78"/>
      <c r="E43" s="245"/>
    </row>
    <row r="44" spans="2:5" s="68" customFormat="1" ht="30" customHeight="1">
      <c r="B44" s="86" t="s">
        <v>929</v>
      </c>
      <c r="C44" s="86" t="s">
        <v>917</v>
      </c>
      <c r="D44" s="78"/>
      <c r="E44" s="245"/>
    </row>
    <row r="45" spans="2:5" s="68" customFormat="1" ht="30" customHeight="1">
      <c r="B45" s="86" t="s">
        <v>918</v>
      </c>
      <c r="C45" s="86" t="s">
        <v>919</v>
      </c>
      <c r="D45" s="78"/>
      <c r="E45" s="245"/>
    </row>
    <row r="46" spans="2:5" s="68" customFormat="1" ht="30.75" customHeight="1">
      <c r="B46" s="86" t="s">
        <v>920</v>
      </c>
      <c r="C46" s="86" t="s">
        <v>921</v>
      </c>
      <c r="D46" s="78"/>
      <c r="E46" s="245"/>
    </row>
    <row r="47" spans="2:5" s="68" customFormat="1" ht="30" customHeight="1">
      <c r="B47" s="252" t="s">
        <v>922</v>
      </c>
      <c r="C47" s="86" t="s">
        <v>923</v>
      </c>
      <c r="D47" s="78"/>
      <c r="E47" s="245"/>
    </row>
    <row r="48" spans="2:5" s="68" customFormat="1" ht="19.2">
      <c r="B48" s="252"/>
      <c r="C48" s="86" t="s">
        <v>924</v>
      </c>
      <c r="D48" s="78"/>
      <c r="E48" s="245"/>
    </row>
    <row r="49" spans="2:5" s="68" customFormat="1" ht="30" customHeight="1">
      <c r="B49" s="252"/>
      <c r="C49" s="86" t="s">
        <v>925</v>
      </c>
      <c r="D49" s="78"/>
      <c r="E49" s="245"/>
    </row>
    <row r="50" spans="2:5" s="68" customFormat="1" ht="30" customHeight="1">
      <c r="B50" s="86" t="s">
        <v>926</v>
      </c>
      <c r="C50" s="86" t="s">
        <v>927</v>
      </c>
      <c r="D50" s="78"/>
      <c r="E50" s="245"/>
    </row>
    <row r="51" spans="2:5" s="68" customFormat="1">
      <c r="B51" s="79"/>
      <c r="C51" s="80"/>
      <c r="D51" s="78"/>
      <c r="E51" s="245"/>
    </row>
    <row r="52" spans="2:5" s="68" customFormat="1">
      <c r="B52" s="79"/>
      <c r="C52" s="80"/>
      <c r="D52" s="78"/>
      <c r="E52" s="245"/>
    </row>
    <row r="53" spans="2:5" s="68" customFormat="1">
      <c r="B53" s="81"/>
      <c r="C53" s="82"/>
      <c r="D53" s="102"/>
      <c r="E53" s="246"/>
    </row>
    <row r="54" spans="2:5" s="68" customFormat="1">
      <c r="B54" s="83"/>
      <c r="C54" s="84"/>
      <c r="D54" s="103"/>
      <c r="E54" s="103"/>
    </row>
    <row r="55" spans="2:5" s="68" customFormat="1">
      <c r="B55" s="13" t="s">
        <v>1374</v>
      </c>
      <c r="C55" s="74"/>
      <c r="D55" s="49"/>
      <c r="E55" s="49"/>
    </row>
    <row r="56" spans="2:5" s="68" customFormat="1">
      <c r="B56" s="250" t="s">
        <v>213</v>
      </c>
      <c r="C56" s="250" t="s">
        <v>214</v>
      </c>
      <c r="D56" s="248" t="s">
        <v>1041</v>
      </c>
      <c r="E56" s="249"/>
    </row>
    <row r="57" spans="2:5" s="68" customFormat="1">
      <c r="B57" s="251"/>
      <c r="C57" s="251"/>
      <c r="D57" s="99" t="s">
        <v>1040</v>
      </c>
      <c r="E57" s="99" t="s">
        <v>215</v>
      </c>
    </row>
    <row r="58" spans="2:5" s="68" customFormat="1" ht="30" customHeight="1">
      <c r="B58" s="295" t="s">
        <v>930</v>
      </c>
      <c r="C58" s="85" t="s">
        <v>932</v>
      </c>
      <c r="D58" s="104"/>
      <c r="E58" s="244"/>
    </row>
    <row r="59" spans="2:5" s="68" customFormat="1">
      <c r="B59" s="271"/>
      <c r="C59" s="86" t="s">
        <v>931</v>
      </c>
      <c r="D59" s="78"/>
      <c r="E59" s="245"/>
    </row>
    <row r="60" spans="2:5" s="68" customFormat="1">
      <c r="B60" s="79"/>
      <c r="C60" s="80"/>
      <c r="D60" s="78"/>
      <c r="E60" s="245"/>
    </row>
    <row r="61" spans="2:5" s="68" customFormat="1">
      <c r="B61" s="81"/>
      <c r="C61" s="82"/>
      <c r="D61" s="102"/>
      <c r="E61" s="246"/>
    </row>
    <row r="62" spans="2:5" s="68" customFormat="1">
      <c r="B62" s="83"/>
      <c r="C62" s="84"/>
      <c r="D62" s="103"/>
      <c r="E62" s="103"/>
    </row>
    <row r="63" spans="2:5" s="68" customFormat="1">
      <c r="B63" s="243" t="s">
        <v>1375</v>
      </c>
      <c r="C63" s="243"/>
      <c r="D63" s="49"/>
      <c r="E63" s="49"/>
    </row>
    <row r="64" spans="2:5" s="68" customFormat="1">
      <c r="B64" s="250" t="s">
        <v>213</v>
      </c>
      <c r="C64" s="250" t="s">
        <v>214</v>
      </c>
      <c r="D64" s="248" t="s">
        <v>1041</v>
      </c>
      <c r="E64" s="249"/>
    </row>
    <row r="65" spans="2:5" s="68" customFormat="1">
      <c r="B65" s="251"/>
      <c r="C65" s="251"/>
      <c r="D65" s="99" t="s">
        <v>1040</v>
      </c>
      <c r="E65" s="99" t="s">
        <v>215</v>
      </c>
    </row>
    <row r="66" spans="2:5" s="68" customFormat="1" ht="30" customHeight="1">
      <c r="B66" s="280" t="s">
        <v>930</v>
      </c>
      <c r="C66" s="85" t="s">
        <v>933</v>
      </c>
      <c r="D66" s="104"/>
      <c r="E66" s="244"/>
    </row>
    <row r="67" spans="2:5" s="68" customFormat="1">
      <c r="B67" s="252"/>
      <c r="C67" s="86" t="s">
        <v>934</v>
      </c>
      <c r="D67" s="78"/>
      <c r="E67" s="245"/>
    </row>
    <row r="68" spans="2:5" s="68" customFormat="1" ht="30" customHeight="1">
      <c r="B68" s="252"/>
      <c r="C68" s="86" t="s">
        <v>935</v>
      </c>
      <c r="D68" s="78"/>
      <c r="E68" s="245"/>
    </row>
    <row r="69" spans="2:5" s="68" customFormat="1">
      <c r="B69" s="252"/>
      <c r="C69" s="86" t="s">
        <v>1489</v>
      </c>
      <c r="D69" s="78"/>
      <c r="E69" s="245"/>
    </row>
    <row r="70" spans="2:5" s="68" customFormat="1" ht="30" customHeight="1">
      <c r="B70" s="252"/>
      <c r="C70" s="86" t="s">
        <v>936</v>
      </c>
      <c r="D70" s="78"/>
      <c r="E70" s="245"/>
    </row>
    <row r="71" spans="2:5" s="68" customFormat="1">
      <c r="B71" s="252"/>
      <c r="C71" s="86" t="s">
        <v>937</v>
      </c>
      <c r="D71" s="78"/>
      <c r="E71" s="245"/>
    </row>
    <row r="72" spans="2:5" s="68" customFormat="1" ht="30" customHeight="1">
      <c r="B72" s="252"/>
      <c r="C72" s="86" t="s">
        <v>938</v>
      </c>
      <c r="D72" s="78"/>
      <c r="E72" s="245"/>
    </row>
    <row r="73" spans="2:5" s="68" customFormat="1">
      <c r="B73" s="86" t="s">
        <v>939</v>
      </c>
      <c r="C73" s="86"/>
      <c r="D73" s="105"/>
      <c r="E73" s="245"/>
    </row>
    <row r="74" spans="2:5" s="68" customFormat="1">
      <c r="B74" s="80" t="s">
        <v>1052</v>
      </c>
      <c r="C74" s="80" t="s">
        <v>940</v>
      </c>
      <c r="D74" s="78"/>
      <c r="E74" s="245"/>
    </row>
    <row r="75" spans="2:5" s="68" customFormat="1">
      <c r="B75" s="80" t="s">
        <v>830</v>
      </c>
      <c r="C75" s="80" t="s">
        <v>941</v>
      </c>
      <c r="D75" s="78"/>
      <c r="E75" s="245"/>
    </row>
    <row r="76" spans="2:5" s="68" customFormat="1">
      <c r="B76" s="80" t="s">
        <v>942</v>
      </c>
      <c r="C76" s="80" t="s">
        <v>943</v>
      </c>
      <c r="D76" s="78"/>
      <c r="E76" s="245"/>
    </row>
    <row r="77" spans="2:5" s="68" customFormat="1">
      <c r="B77" s="80" t="s">
        <v>944</v>
      </c>
      <c r="C77" s="80" t="s">
        <v>945</v>
      </c>
      <c r="D77" s="78"/>
      <c r="E77" s="245"/>
    </row>
    <row r="78" spans="2:5" s="68" customFormat="1" ht="30" customHeight="1">
      <c r="B78" s="80" t="s">
        <v>946</v>
      </c>
      <c r="C78" s="80" t="s">
        <v>947</v>
      </c>
      <c r="D78" s="78"/>
      <c r="E78" s="245"/>
    </row>
    <row r="79" spans="2:5" s="68" customFormat="1">
      <c r="B79" s="277" t="s">
        <v>948</v>
      </c>
      <c r="C79" s="80" t="s">
        <v>949</v>
      </c>
      <c r="D79" s="78"/>
      <c r="E79" s="245"/>
    </row>
    <row r="80" spans="2:5" s="68" customFormat="1">
      <c r="B80" s="277"/>
      <c r="C80" s="80" t="s">
        <v>950</v>
      </c>
      <c r="D80" s="78"/>
      <c r="E80" s="245"/>
    </row>
    <row r="81" spans="2:5" s="68" customFormat="1">
      <c r="B81" s="277"/>
      <c r="C81" s="80" t="s">
        <v>951</v>
      </c>
      <c r="D81" s="78"/>
      <c r="E81" s="245"/>
    </row>
    <row r="82" spans="2:5" s="68" customFormat="1">
      <c r="B82" s="277"/>
      <c r="C82" s="80" t="s">
        <v>952</v>
      </c>
      <c r="D82" s="78"/>
      <c r="E82" s="245"/>
    </row>
    <row r="83" spans="2:5" s="68" customFormat="1">
      <c r="B83" s="277"/>
      <c r="C83" s="80" t="s">
        <v>26</v>
      </c>
      <c r="D83" s="78"/>
      <c r="E83" s="245"/>
    </row>
    <row r="84" spans="2:5" s="68" customFormat="1">
      <c r="B84" s="86" t="s">
        <v>953</v>
      </c>
      <c r="C84" s="86"/>
      <c r="D84" s="105"/>
      <c r="E84" s="245"/>
    </row>
    <row r="85" spans="2:5" s="68" customFormat="1">
      <c r="B85" s="106" t="s">
        <v>930</v>
      </c>
      <c r="C85" s="86"/>
      <c r="D85" s="105"/>
      <c r="E85" s="245"/>
    </row>
    <row r="86" spans="2:5" s="68" customFormat="1">
      <c r="B86" s="106" t="s">
        <v>954</v>
      </c>
      <c r="C86" s="86" t="s">
        <v>955</v>
      </c>
      <c r="D86" s="78"/>
      <c r="E86" s="245"/>
    </row>
    <row r="87" spans="2:5" s="68" customFormat="1">
      <c r="B87" s="106" t="s">
        <v>956</v>
      </c>
      <c r="C87" s="86" t="s">
        <v>957</v>
      </c>
      <c r="D87" s="78"/>
      <c r="E87" s="245"/>
    </row>
    <row r="88" spans="2:5" s="68" customFormat="1">
      <c r="B88" s="106" t="s">
        <v>958</v>
      </c>
      <c r="C88" s="76" t="s">
        <v>1472</v>
      </c>
      <c r="D88" s="78"/>
      <c r="E88" s="245"/>
    </row>
    <row r="89" spans="2:5" s="68" customFormat="1">
      <c r="B89" s="252" t="s">
        <v>959</v>
      </c>
      <c r="C89" s="86" t="s">
        <v>960</v>
      </c>
      <c r="D89" s="78"/>
      <c r="E89" s="245"/>
    </row>
    <row r="90" spans="2:5" s="68" customFormat="1">
      <c r="B90" s="252"/>
      <c r="C90" s="86" t="s">
        <v>961</v>
      </c>
      <c r="D90" s="78"/>
      <c r="E90" s="245"/>
    </row>
    <row r="91" spans="2:5" s="68" customFormat="1">
      <c r="B91" s="252" t="s">
        <v>962</v>
      </c>
      <c r="C91" s="86" t="s">
        <v>963</v>
      </c>
      <c r="D91" s="78"/>
      <c r="E91" s="245"/>
    </row>
    <row r="92" spans="2:5" s="68" customFormat="1">
      <c r="B92" s="252"/>
      <c r="C92" s="86" t="s">
        <v>964</v>
      </c>
      <c r="D92" s="78"/>
      <c r="E92" s="245"/>
    </row>
    <row r="93" spans="2:5" s="68" customFormat="1">
      <c r="B93" s="252"/>
      <c r="C93" s="86" t="s">
        <v>965</v>
      </c>
      <c r="D93" s="78"/>
      <c r="E93" s="245"/>
    </row>
    <row r="94" spans="2:5" s="68" customFormat="1" ht="30" customHeight="1">
      <c r="B94" s="86" t="s">
        <v>966</v>
      </c>
      <c r="C94" s="86" t="s">
        <v>967</v>
      </c>
      <c r="D94" s="78"/>
      <c r="E94" s="245"/>
    </row>
    <row r="95" spans="2:5" s="68" customFormat="1">
      <c r="B95" s="80"/>
      <c r="C95" s="80"/>
      <c r="D95" s="78"/>
      <c r="E95" s="245"/>
    </row>
    <row r="96" spans="2:5" s="68" customFormat="1">
      <c r="B96" s="80"/>
      <c r="C96" s="80"/>
      <c r="D96" s="78"/>
      <c r="E96" s="245"/>
    </row>
    <row r="97" spans="2:5" s="68" customFormat="1">
      <c r="B97" s="82"/>
      <c r="C97" s="82"/>
      <c r="D97" s="102"/>
      <c r="E97" s="246"/>
    </row>
    <row r="98" spans="2:5" s="68" customFormat="1" ht="16.8">
      <c r="B98" s="84"/>
      <c r="C98" s="107" t="s">
        <v>1474</v>
      </c>
      <c r="D98" s="103"/>
      <c r="E98" s="103"/>
    </row>
    <row r="99" spans="2:5">
      <c r="B99" s="13" t="s">
        <v>1376</v>
      </c>
      <c r="C99" s="14"/>
      <c r="D99" s="108"/>
      <c r="E99" s="108"/>
    </row>
    <row r="100" spans="2:5">
      <c r="B100" s="13" t="s">
        <v>1372</v>
      </c>
      <c r="C100" s="14"/>
      <c r="D100" s="108"/>
      <c r="E100" s="108"/>
    </row>
    <row r="101" spans="2:5" ht="13.5" customHeight="1">
      <c r="B101" s="250" t="s">
        <v>213</v>
      </c>
      <c r="C101" s="250" t="s">
        <v>214</v>
      </c>
      <c r="D101" s="248" t="s">
        <v>1041</v>
      </c>
      <c r="E101" s="249"/>
    </row>
    <row r="102" spans="2:5">
      <c r="B102" s="251"/>
      <c r="C102" s="251"/>
      <c r="D102" s="99" t="s">
        <v>1040</v>
      </c>
      <c r="E102" s="99" t="s">
        <v>215</v>
      </c>
    </row>
    <row r="103" spans="2:5">
      <c r="B103" s="295" t="s">
        <v>128</v>
      </c>
      <c r="C103" s="85" t="s">
        <v>968</v>
      </c>
      <c r="D103" s="109"/>
      <c r="E103" s="272"/>
    </row>
    <row r="104" spans="2:5" s="68" customFormat="1">
      <c r="B104" s="270"/>
      <c r="C104" s="80" t="s">
        <v>405</v>
      </c>
      <c r="D104" s="78"/>
      <c r="E104" s="273"/>
    </row>
    <row r="105" spans="2:5" s="68" customFormat="1">
      <c r="B105" s="270"/>
      <c r="C105" s="80" t="s">
        <v>969</v>
      </c>
      <c r="D105" s="78"/>
      <c r="E105" s="273"/>
    </row>
    <row r="106" spans="2:5" s="68" customFormat="1" ht="30" customHeight="1">
      <c r="B106" s="270"/>
      <c r="C106" s="80" t="s">
        <v>970</v>
      </c>
      <c r="D106" s="78"/>
      <c r="E106" s="273"/>
    </row>
    <row r="107" spans="2:5" s="68" customFormat="1">
      <c r="B107" s="271"/>
      <c r="C107" s="80" t="s">
        <v>406</v>
      </c>
      <c r="D107" s="78"/>
      <c r="E107" s="273"/>
    </row>
    <row r="108" spans="2:5" s="68" customFormat="1">
      <c r="B108" s="79"/>
      <c r="C108" s="80" t="s">
        <v>493</v>
      </c>
      <c r="D108" s="78"/>
      <c r="E108" s="273"/>
    </row>
    <row r="109" spans="2:5" s="68" customFormat="1">
      <c r="B109" s="81"/>
      <c r="C109" s="82"/>
      <c r="D109" s="102"/>
      <c r="E109" s="274"/>
    </row>
    <row r="110" spans="2:5">
      <c r="B110" s="13"/>
      <c r="C110" s="14"/>
      <c r="D110" s="108"/>
      <c r="E110" s="108" t="s">
        <v>555</v>
      </c>
    </row>
    <row r="111" spans="2:5">
      <c r="B111" s="13" t="s">
        <v>330</v>
      </c>
      <c r="C111" s="14"/>
      <c r="D111" s="108"/>
      <c r="E111" s="108"/>
    </row>
    <row r="112" spans="2:5" ht="13.5" customHeight="1">
      <c r="B112" s="250" t="s">
        <v>213</v>
      </c>
      <c r="C112" s="250" t="s">
        <v>214</v>
      </c>
      <c r="D112" s="248" t="s">
        <v>1041</v>
      </c>
      <c r="E112" s="249"/>
    </row>
    <row r="113" spans="2:5">
      <c r="B113" s="251"/>
      <c r="C113" s="251"/>
      <c r="D113" s="99" t="s">
        <v>1040</v>
      </c>
      <c r="E113" s="99" t="s">
        <v>215</v>
      </c>
    </row>
    <row r="114" spans="2:5" s="68" customFormat="1">
      <c r="B114" s="278" t="s">
        <v>271</v>
      </c>
      <c r="C114" s="85" t="s">
        <v>968</v>
      </c>
      <c r="D114" s="109"/>
      <c r="E114" s="244"/>
    </row>
    <row r="115" spans="2:5" s="68" customFormat="1">
      <c r="B115" s="277"/>
      <c r="C115" s="70" t="s">
        <v>407</v>
      </c>
      <c r="D115" s="78"/>
      <c r="E115" s="245"/>
    </row>
    <row r="116" spans="2:5" s="68" customFormat="1">
      <c r="B116" s="277"/>
      <c r="C116" s="70" t="s">
        <v>971</v>
      </c>
      <c r="D116" s="78"/>
      <c r="E116" s="245"/>
    </row>
    <row r="117" spans="2:5" s="68" customFormat="1">
      <c r="B117" s="277"/>
      <c r="C117" s="70" t="s">
        <v>972</v>
      </c>
      <c r="D117" s="78"/>
      <c r="E117" s="245"/>
    </row>
    <row r="118" spans="2:5" s="68" customFormat="1">
      <c r="B118" s="277"/>
      <c r="C118" s="70" t="s">
        <v>973</v>
      </c>
      <c r="D118" s="78"/>
      <c r="E118" s="245"/>
    </row>
    <row r="119" spans="2:5" s="68" customFormat="1">
      <c r="B119" s="277" t="s">
        <v>272</v>
      </c>
      <c r="C119" s="86" t="s">
        <v>968</v>
      </c>
      <c r="D119" s="105"/>
      <c r="E119" s="245"/>
    </row>
    <row r="120" spans="2:5" s="68" customFormat="1">
      <c r="B120" s="277"/>
      <c r="C120" s="70" t="s">
        <v>407</v>
      </c>
      <c r="D120" s="78"/>
      <c r="E120" s="245"/>
    </row>
    <row r="121" spans="2:5" s="68" customFormat="1">
      <c r="B121" s="277"/>
      <c r="C121" s="70" t="s">
        <v>971</v>
      </c>
      <c r="D121" s="78"/>
      <c r="E121" s="245"/>
    </row>
    <row r="122" spans="2:5" s="68" customFormat="1">
      <c r="B122" s="277"/>
      <c r="C122" s="70" t="s">
        <v>972</v>
      </c>
      <c r="D122" s="78"/>
      <c r="E122" s="245"/>
    </row>
    <row r="123" spans="2:5" s="68" customFormat="1">
      <c r="B123" s="277"/>
      <c r="C123" s="70" t="s">
        <v>973</v>
      </c>
      <c r="D123" s="78"/>
      <c r="E123" s="245"/>
    </row>
    <row r="124" spans="2:5" s="68" customFormat="1">
      <c r="B124" s="110" t="s">
        <v>570</v>
      </c>
      <c r="C124" s="86" t="s">
        <v>968</v>
      </c>
      <c r="D124" s="105"/>
      <c r="E124" s="245"/>
    </row>
    <row r="125" spans="2:5" s="68" customFormat="1">
      <c r="B125" s="111" t="s">
        <v>507</v>
      </c>
      <c r="C125" s="80" t="s">
        <v>408</v>
      </c>
      <c r="D125" s="78"/>
      <c r="E125" s="245"/>
    </row>
    <row r="126" spans="2:5" s="68" customFormat="1">
      <c r="B126" s="111" t="s">
        <v>533</v>
      </c>
      <c r="C126" s="80" t="s">
        <v>974</v>
      </c>
      <c r="D126" s="78"/>
      <c r="E126" s="245"/>
    </row>
    <row r="127" spans="2:5" s="68" customFormat="1">
      <c r="B127" s="111" t="s">
        <v>534</v>
      </c>
      <c r="C127" s="80"/>
      <c r="D127" s="78"/>
      <c r="E127" s="245"/>
    </row>
    <row r="128" spans="2:5" s="68" customFormat="1">
      <c r="B128" s="112" t="s">
        <v>535</v>
      </c>
      <c r="C128" s="80"/>
      <c r="D128" s="78"/>
      <c r="E128" s="245"/>
    </row>
    <row r="129" spans="2:5" s="68" customFormat="1">
      <c r="B129" s="80"/>
      <c r="C129" s="80"/>
      <c r="D129" s="78"/>
      <c r="E129" s="245"/>
    </row>
    <row r="130" spans="2:5" s="68" customFormat="1">
      <c r="B130" s="81"/>
      <c r="C130" s="82"/>
      <c r="D130" s="102"/>
      <c r="E130" s="246"/>
    </row>
    <row r="131" spans="2:5">
      <c r="B131" s="13"/>
      <c r="C131" s="14"/>
      <c r="D131" s="108"/>
      <c r="E131" s="108"/>
    </row>
    <row r="132" spans="2:5">
      <c r="B132" s="13" t="s">
        <v>501</v>
      </c>
      <c r="C132" s="14"/>
      <c r="D132" s="108"/>
      <c r="E132" s="108"/>
    </row>
    <row r="133" spans="2:5" ht="13.5" customHeight="1">
      <c r="B133" s="250" t="s">
        <v>213</v>
      </c>
      <c r="C133" s="250" t="s">
        <v>214</v>
      </c>
      <c r="D133" s="248" t="s">
        <v>1041</v>
      </c>
      <c r="E133" s="249"/>
    </row>
    <row r="134" spans="2:5">
      <c r="B134" s="251"/>
      <c r="C134" s="251"/>
      <c r="D134" s="99" t="s">
        <v>1040</v>
      </c>
      <c r="E134" s="99" t="s">
        <v>215</v>
      </c>
    </row>
    <row r="135" spans="2:5" s="93" customFormat="1">
      <c r="B135" s="283" t="s">
        <v>536</v>
      </c>
      <c r="C135" s="85" t="s">
        <v>968</v>
      </c>
      <c r="D135" s="113"/>
      <c r="E135" s="244"/>
    </row>
    <row r="136" spans="2:5" s="93" customFormat="1">
      <c r="B136" s="284"/>
      <c r="C136" s="70" t="s">
        <v>975</v>
      </c>
      <c r="D136" s="78"/>
      <c r="E136" s="245"/>
    </row>
    <row r="137" spans="2:5" s="93" customFormat="1">
      <c r="B137" s="284"/>
      <c r="C137" s="70" t="s">
        <v>409</v>
      </c>
      <c r="D137" s="78"/>
      <c r="E137" s="245"/>
    </row>
    <row r="138" spans="2:5" s="93" customFormat="1">
      <c r="B138" s="284"/>
      <c r="C138" s="70" t="s">
        <v>976</v>
      </c>
      <c r="D138" s="78"/>
      <c r="E138" s="245"/>
    </row>
    <row r="139" spans="2:5" s="68" customFormat="1">
      <c r="B139" s="277" t="s">
        <v>380</v>
      </c>
      <c r="C139" s="86" t="s">
        <v>968</v>
      </c>
      <c r="D139" s="105"/>
      <c r="E139" s="245"/>
    </row>
    <row r="140" spans="2:5" s="68" customFormat="1">
      <c r="B140" s="277"/>
      <c r="C140" s="80" t="s">
        <v>977</v>
      </c>
      <c r="D140" s="78"/>
      <c r="E140" s="245"/>
    </row>
    <row r="141" spans="2:5" s="68" customFormat="1">
      <c r="B141" s="277"/>
      <c r="C141" s="80" t="s">
        <v>410</v>
      </c>
      <c r="D141" s="78"/>
      <c r="E141" s="245"/>
    </row>
    <row r="142" spans="2:5" s="68" customFormat="1" ht="28.8">
      <c r="B142" s="277"/>
      <c r="C142" s="70" t="s">
        <v>978</v>
      </c>
      <c r="D142" s="78"/>
      <c r="E142" s="245"/>
    </row>
    <row r="143" spans="2:5" s="68" customFormat="1" ht="28.8">
      <c r="B143" s="277"/>
      <c r="C143" s="70" t="s">
        <v>979</v>
      </c>
      <c r="D143" s="78"/>
      <c r="E143" s="245"/>
    </row>
    <row r="144" spans="2:5" s="68" customFormat="1">
      <c r="B144" s="279" t="s">
        <v>980</v>
      </c>
      <c r="C144" s="86" t="s">
        <v>968</v>
      </c>
      <c r="D144" s="105"/>
      <c r="E144" s="245"/>
    </row>
    <row r="145" spans="2:5" s="68" customFormat="1">
      <c r="B145" s="294"/>
      <c r="C145" s="86" t="s">
        <v>981</v>
      </c>
      <c r="D145" s="78"/>
      <c r="E145" s="245"/>
    </row>
    <row r="146" spans="2:5" s="68" customFormat="1" ht="28.8">
      <c r="B146" s="294"/>
      <c r="C146" s="70" t="s">
        <v>978</v>
      </c>
      <c r="D146" s="78"/>
      <c r="E146" s="245"/>
    </row>
    <row r="147" spans="2:5" s="68" customFormat="1" ht="28.8">
      <c r="B147" s="276"/>
      <c r="C147" s="70" t="s">
        <v>979</v>
      </c>
      <c r="D147" s="78"/>
      <c r="E147" s="245"/>
    </row>
    <row r="148" spans="2:5">
      <c r="B148" s="80"/>
      <c r="C148" s="80"/>
      <c r="D148" s="78"/>
      <c r="E148" s="245"/>
    </row>
    <row r="149" spans="2:5">
      <c r="B149" s="81"/>
      <c r="C149" s="82"/>
      <c r="D149" s="102"/>
      <c r="E149" s="246"/>
    </row>
    <row r="150" spans="2:5">
      <c r="B150" s="83"/>
      <c r="C150" s="84"/>
      <c r="D150" s="103"/>
      <c r="E150" s="103"/>
    </row>
    <row r="151" spans="2:5">
      <c r="B151" s="114" t="s">
        <v>599</v>
      </c>
      <c r="C151" s="115"/>
      <c r="D151" s="116"/>
      <c r="E151" s="116"/>
    </row>
    <row r="152" spans="2:5">
      <c r="B152" s="117" t="s">
        <v>982</v>
      </c>
      <c r="C152" s="118"/>
      <c r="D152" s="119"/>
      <c r="E152" s="119"/>
    </row>
    <row r="153" spans="2:5" ht="13.5" customHeight="1">
      <c r="B153" s="250" t="s">
        <v>213</v>
      </c>
      <c r="C153" s="250" t="s">
        <v>214</v>
      </c>
      <c r="D153" s="248" t="s">
        <v>1041</v>
      </c>
      <c r="E153" s="249"/>
    </row>
    <row r="154" spans="2:5">
      <c r="B154" s="251"/>
      <c r="C154" s="251"/>
      <c r="D154" s="99" t="s">
        <v>1040</v>
      </c>
      <c r="E154" s="99" t="s">
        <v>215</v>
      </c>
    </row>
    <row r="155" spans="2:5" s="68" customFormat="1">
      <c r="B155" s="278" t="s">
        <v>381</v>
      </c>
      <c r="C155" s="85" t="s">
        <v>968</v>
      </c>
      <c r="D155" s="113"/>
      <c r="E155" s="244"/>
    </row>
    <row r="156" spans="2:5" s="121" customFormat="1">
      <c r="B156" s="277"/>
      <c r="C156" s="120" t="s">
        <v>983</v>
      </c>
      <c r="D156" s="78"/>
      <c r="E156" s="245"/>
    </row>
    <row r="157" spans="2:5" s="121" customFormat="1">
      <c r="B157" s="265" t="s">
        <v>211</v>
      </c>
      <c r="C157" s="86" t="s">
        <v>968</v>
      </c>
      <c r="D157" s="105"/>
      <c r="E157" s="245"/>
    </row>
    <row r="158" spans="2:5" s="68" customFormat="1">
      <c r="B158" s="265"/>
      <c r="C158" s="80" t="s">
        <v>984</v>
      </c>
      <c r="D158" s="78"/>
      <c r="E158" s="245"/>
    </row>
    <row r="159" spans="2:5" s="68" customFormat="1">
      <c r="B159" s="277" t="s">
        <v>382</v>
      </c>
      <c r="C159" s="86" t="s">
        <v>968</v>
      </c>
      <c r="D159" s="105"/>
      <c r="E159" s="245"/>
    </row>
    <row r="160" spans="2:5" s="68" customFormat="1">
      <c r="B160" s="277"/>
      <c r="C160" s="80" t="s">
        <v>985</v>
      </c>
      <c r="D160" s="78"/>
      <c r="E160" s="245"/>
    </row>
    <row r="161" spans="2:5" s="68" customFormat="1">
      <c r="B161" s="277" t="s">
        <v>270</v>
      </c>
      <c r="C161" s="86" t="s">
        <v>968</v>
      </c>
      <c r="D161" s="105"/>
      <c r="E161" s="245"/>
    </row>
    <row r="162" spans="2:5" s="93" customFormat="1" ht="28.8">
      <c r="B162" s="277"/>
      <c r="C162" s="70" t="s">
        <v>986</v>
      </c>
      <c r="D162" s="78"/>
      <c r="E162" s="245"/>
    </row>
    <row r="163" spans="2:5" s="93" customFormat="1" ht="28.8">
      <c r="B163" s="277"/>
      <c r="C163" s="70" t="s">
        <v>979</v>
      </c>
      <c r="D163" s="78"/>
      <c r="E163" s="245"/>
    </row>
    <row r="164" spans="2:5" s="93" customFormat="1">
      <c r="B164" s="122"/>
      <c r="C164" s="70"/>
      <c r="D164" s="78"/>
      <c r="E164" s="245"/>
    </row>
    <row r="165" spans="2:5" s="93" customFormat="1">
      <c r="B165" s="123"/>
      <c r="C165" s="124"/>
      <c r="D165" s="102"/>
      <c r="E165" s="246"/>
    </row>
    <row r="166" spans="2:5">
      <c r="B166" s="114"/>
      <c r="C166" s="115"/>
      <c r="D166" s="116"/>
      <c r="E166" s="116" t="s">
        <v>555</v>
      </c>
    </row>
    <row r="167" spans="2:5">
      <c r="B167" s="117" t="s">
        <v>1377</v>
      </c>
      <c r="C167" s="118"/>
      <c r="D167" s="119"/>
      <c r="E167" s="119"/>
    </row>
    <row r="168" spans="2:5">
      <c r="B168" s="250" t="s">
        <v>213</v>
      </c>
      <c r="C168" s="250" t="s">
        <v>214</v>
      </c>
      <c r="D168" s="248" t="s">
        <v>1041</v>
      </c>
      <c r="E168" s="249"/>
    </row>
    <row r="169" spans="2:5">
      <c r="B169" s="251"/>
      <c r="C169" s="251"/>
      <c r="D169" s="99" t="s">
        <v>1040</v>
      </c>
      <c r="E169" s="99" t="s">
        <v>215</v>
      </c>
    </row>
    <row r="170" spans="2:5">
      <c r="B170" s="295" t="s">
        <v>811</v>
      </c>
      <c r="C170" s="85" t="s">
        <v>968</v>
      </c>
      <c r="D170" s="113"/>
      <c r="E170" s="244"/>
    </row>
    <row r="171" spans="2:5">
      <c r="B171" s="271"/>
      <c r="C171" s="86" t="s">
        <v>992</v>
      </c>
      <c r="D171" s="125"/>
      <c r="E171" s="245"/>
    </row>
    <row r="172" spans="2:5">
      <c r="B172" s="269" t="s">
        <v>993</v>
      </c>
      <c r="C172" s="86" t="s">
        <v>968</v>
      </c>
      <c r="D172" s="105"/>
      <c r="E172" s="245"/>
    </row>
    <row r="173" spans="2:5" ht="28.8">
      <c r="B173" s="270"/>
      <c r="C173" s="70" t="s">
        <v>978</v>
      </c>
      <c r="D173" s="125"/>
      <c r="E173" s="245"/>
    </row>
    <row r="174" spans="2:5" ht="28.8">
      <c r="B174" s="271"/>
      <c r="C174" s="70" t="s">
        <v>979</v>
      </c>
      <c r="D174" s="125"/>
      <c r="E174" s="245"/>
    </row>
    <row r="175" spans="2:5">
      <c r="B175" s="122"/>
      <c r="C175" s="70"/>
      <c r="D175" s="78"/>
      <c r="E175" s="245"/>
    </row>
    <row r="176" spans="2:5">
      <c r="B176" s="123"/>
      <c r="C176" s="124"/>
      <c r="D176" s="102"/>
      <c r="E176" s="246"/>
    </row>
    <row r="177" spans="2:5">
      <c r="B177" s="114"/>
      <c r="C177" s="115"/>
      <c r="D177" s="116"/>
      <c r="E177" s="116"/>
    </row>
    <row r="178" spans="2:5">
      <c r="B178" s="117" t="s">
        <v>1378</v>
      </c>
      <c r="C178" s="118"/>
      <c r="D178" s="119"/>
      <c r="E178" s="119"/>
    </row>
    <row r="179" spans="2:5" ht="13.5" customHeight="1">
      <c r="B179" s="250" t="s">
        <v>213</v>
      </c>
      <c r="C179" s="250" t="s">
        <v>214</v>
      </c>
      <c r="D179" s="248" t="s">
        <v>1041</v>
      </c>
      <c r="E179" s="249"/>
    </row>
    <row r="180" spans="2:5">
      <c r="B180" s="251"/>
      <c r="C180" s="251"/>
      <c r="D180" s="99" t="s">
        <v>1040</v>
      </c>
      <c r="E180" s="99" t="s">
        <v>215</v>
      </c>
    </row>
    <row r="181" spans="2:5" s="68" customFormat="1">
      <c r="B181" s="42" t="s">
        <v>143</v>
      </c>
      <c r="C181" s="85" t="s">
        <v>968</v>
      </c>
      <c r="D181" s="113"/>
      <c r="E181" s="244"/>
    </row>
    <row r="182" spans="2:5" s="126" customFormat="1">
      <c r="B182" s="86"/>
      <c r="C182" s="86" t="s">
        <v>987</v>
      </c>
      <c r="D182" s="78"/>
      <c r="E182" s="245"/>
    </row>
    <row r="183" spans="2:5" s="68" customFormat="1">
      <c r="B183" s="34" t="s">
        <v>273</v>
      </c>
      <c r="C183" s="86" t="s">
        <v>968</v>
      </c>
      <c r="D183" s="105"/>
      <c r="E183" s="245"/>
    </row>
    <row r="184" spans="2:5" s="121" customFormat="1">
      <c r="B184" s="34"/>
      <c r="C184" s="120" t="s">
        <v>988</v>
      </c>
      <c r="D184" s="78"/>
      <c r="E184" s="245"/>
    </row>
    <row r="185" spans="2:5" s="68" customFormat="1">
      <c r="B185" s="120" t="s">
        <v>569</v>
      </c>
      <c r="C185" s="86" t="s">
        <v>968</v>
      </c>
      <c r="D185" s="105"/>
      <c r="E185" s="245"/>
    </row>
    <row r="186" spans="2:5" s="121" customFormat="1">
      <c r="B186" s="120"/>
      <c r="C186" s="120" t="s">
        <v>989</v>
      </c>
      <c r="D186" s="78"/>
      <c r="E186" s="245"/>
    </row>
    <row r="187" spans="2:5" s="68" customFormat="1">
      <c r="B187" s="86" t="s">
        <v>494</v>
      </c>
      <c r="C187" s="86" t="s">
        <v>968</v>
      </c>
      <c r="D187" s="105"/>
      <c r="E187" s="245"/>
    </row>
    <row r="188" spans="2:5" s="126" customFormat="1">
      <c r="B188" s="86"/>
      <c r="C188" s="86" t="s">
        <v>990</v>
      </c>
      <c r="D188" s="78"/>
      <c r="E188" s="245"/>
    </row>
    <row r="189" spans="2:5" s="68" customFormat="1">
      <c r="B189" s="120" t="s">
        <v>383</v>
      </c>
      <c r="C189" s="86" t="s">
        <v>968</v>
      </c>
      <c r="D189" s="105"/>
      <c r="E189" s="245"/>
    </row>
    <row r="190" spans="2:5" s="121" customFormat="1">
      <c r="B190" s="120"/>
      <c r="C190" s="120" t="s">
        <v>991</v>
      </c>
      <c r="D190" s="78"/>
      <c r="E190" s="245"/>
    </row>
    <row r="191" spans="2:5" s="68" customFormat="1">
      <c r="B191" s="80" t="s">
        <v>270</v>
      </c>
      <c r="C191" s="86" t="s">
        <v>968</v>
      </c>
      <c r="D191" s="105"/>
      <c r="E191" s="245"/>
    </row>
    <row r="192" spans="2:5" s="93" customFormat="1" ht="28.8">
      <c r="B192" s="70"/>
      <c r="C192" s="70" t="s">
        <v>986</v>
      </c>
      <c r="D192" s="78"/>
      <c r="E192" s="245"/>
    </row>
    <row r="193" spans="2:5" s="93" customFormat="1" ht="28.8">
      <c r="B193" s="70"/>
      <c r="C193" s="70" t="s">
        <v>979</v>
      </c>
      <c r="D193" s="78"/>
      <c r="E193" s="245"/>
    </row>
    <row r="194" spans="2:5" s="93" customFormat="1">
      <c r="B194" s="122"/>
      <c r="C194" s="70"/>
      <c r="D194" s="78"/>
      <c r="E194" s="245"/>
    </row>
    <row r="195" spans="2:5" s="93" customFormat="1">
      <c r="B195" s="123"/>
      <c r="C195" s="124"/>
      <c r="D195" s="102"/>
      <c r="E195" s="246"/>
    </row>
    <row r="196" spans="2:5" s="93" customFormat="1">
      <c r="B196" s="127"/>
      <c r="C196" s="128"/>
      <c r="D196" s="129"/>
      <c r="E196" s="129"/>
    </row>
    <row r="197" spans="2:5" s="93" customFormat="1">
      <c r="B197" s="117" t="s">
        <v>1379</v>
      </c>
      <c r="C197" s="118"/>
      <c r="D197" s="119"/>
      <c r="E197" s="119"/>
    </row>
    <row r="198" spans="2:5" s="93" customFormat="1">
      <c r="B198" s="250" t="s">
        <v>213</v>
      </c>
      <c r="C198" s="250" t="s">
        <v>214</v>
      </c>
      <c r="D198" s="248" t="s">
        <v>1041</v>
      </c>
      <c r="E198" s="249"/>
    </row>
    <row r="199" spans="2:5" s="93" customFormat="1">
      <c r="B199" s="251"/>
      <c r="C199" s="251"/>
      <c r="D199" s="99" t="s">
        <v>1040</v>
      </c>
      <c r="E199" s="99" t="s">
        <v>215</v>
      </c>
    </row>
    <row r="200" spans="2:5" s="93" customFormat="1">
      <c r="B200" s="295" t="s">
        <v>994</v>
      </c>
      <c r="C200" s="85" t="s">
        <v>968</v>
      </c>
      <c r="D200" s="113"/>
      <c r="E200" s="244"/>
    </row>
    <row r="201" spans="2:5" s="93" customFormat="1" ht="30" customHeight="1">
      <c r="B201" s="271"/>
      <c r="C201" s="11" t="s">
        <v>995</v>
      </c>
      <c r="D201" s="125"/>
      <c r="E201" s="245"/>
    </row>
    <row r="202" spans="2:5" s="93" customFormat="1">
      <c r="B202" s="259" t="s">
        <v>520</v>
      </c>
      <c r="C202" s="86" t="s">
        <v>968</v>
      </c>
      <c r="D202" s="105"/>
      <c r="E202" s="245"/>
    </row>
    <row r="203" spans="2:5" s="93" customFormat="1">
      <c r="B203" s="261"/>
      <c r="C203" s="11" t="s">
        <v>996</v>
      </c>
      <c r="D203" s="125"/>
      <c r="E203" s="245"/>
    </row>
    <row r="204" spans="2:5" s="93" customFormat="1">
      <c r="B204" s="269" t="s">
        <v>997</v>
      </c>
      <c r="C204" s="86" t="s">
        <v>968</v>
      </c>
      <c r="D204" s="105"/>
      <c r="E204" s="245"/>
    </row>
    <row r="205" spans="2:5" s="93" customFormat="1" ht="28.8">
      <c r="B205" s="270"/>
      <c r="C205" s="70" t="s">
        <v>978</v>
      </c>
      <c r="D205" s="125"/>
      <c r="E205" s="245"/>
    </row>
    <row r="206" spans="2:5" s="93" customFormat="1" ht="28.8">
      <c r="B206" s="271"/>
      <c r="C206" s="70" t="s">
        <v>979</v>
      </c>
      <c r="D206" s="125"/>
      <c r="E206" s="245"/>
    </row>
    <row r="207" spans="2:5" s="93" customFormat="1">
      <c r="B207" s="122"/>
      <c r="C207" s="70"/>
      <c r="D207" s="78"/>
      <c r="E207" s="245"/>
    </row>
    <row r="208" spans="2:5" s="93" customFormat="1">
      <c r="B208" s="123"/>
      <c r="C208" s="124"/>
      <c r="D208" s="102"/>
      <c r="E208" s="246"/>
    </row>
    <row r="209" spans="2:5" s="93" customFormat="1">
      <c r="B209" s="127"/>
      <c r="C209" s="128"/>
      <c r="D209" s="129"/>
      <c r="E209" s="129"/>
    </row>
    <row r="210" spans="2:5" s="68" customFormat="1">
      <c r="B210" s="118" t="s">
        <v>1380</v>
      </c>
      <c r="C210" s="118"/>
      <c r="D210" s="108"/>
      <c r="E210" s="108"/>
    </row>
    <row r="211" spans="2:5" ht="13.5" customHeight="1">
      <c r="B211" s="250" t="s">
        <v>213</v>
      </c>
      <c r="C211" s="250" t="s">
        <v>214</v>
      </c>
      <c r="D211" s="248" t="s">
        <v>1041</v>
      </c>
      <c r="E211" s="249"/>
    </row>
    <row r="212" spans="2:5">
      <c r="B212" s="251"/>
      <c r="C212" s="251"/>
      <c r="D212" s="99" t="s">
        <v>1040</v>
      </c>
      <c r="E212" s="99" t="s">
        <v>215</v>
      </c>
    </row>
    <row r="213" spans="2:5" s="68" customFormat="1">
      <c r="B213" s="295" t="s">
        <v>998</v>
      </c>
      <c r="C213" s="85" t="s">
        <v>968</v>
      </c>
      <c r="D213" s="113"/>
      <c r="E213" s="244"/>
    </row>
    <row r="214" spans="2:5" s="93" customFormat="1">
      <c r="B214" s="271"/>
      <c r="C214" s="86" t="s">
        <v>999</v>
      </c>
      <c r="D214" s="125"/>
      <c r="E214" s="245"/>
    </row>
    <row r="215" spans="2:5" s="68" customFormat="1">
      <c r="B215" s="279" t="s">
        <v>814</v>
      </c>
      <c r="C215" s="86" t="s">
        <v>968</v>
      </c>
      <c r="D215" s="105"/>
      <c r="E215" s="245"/>
    </row>
    <row r="216" spans="2:5" s="68" customFormat="1">
      <c r="B216" s="276"/>
      <c r="C216" s="130" t="s">
        <v>411</v>
      </c>
      <c r="D216" s="125"/>
      <c r="E216" s="245"/>
    </row>
    <row r="217" spans="2:5" s="68" customFormat="1">
      <c r="B217" s="267" t="s">
        <v>577</v>
      </c>
      <c r="C217" s="86" t="s">
        <v>968</v>
      </c>
      <c r="D217" s="105"/>
      <c r="E217" s="245"/>
    </row>
    <row r="218" spans="2:5" s="93" customFormat="1">
      <c r="B218" s="268"/>
      <c r="C218" s="120" t="s">
        <v>1000</v>
      </c>
      <c r="D218" s="125"/>
      <c r="E218" s="245"/>
    </row>
    <row r="219" spans="2:5" s="68" customFormat="1">
      <c r="B219" s="279" t="s">
        <v>270</v>
      </c>
      <c r="C219" s="86" t="s">
        <v>968</v>
      </c>
      <c r="D219" s="105"/>
      <c r="E219" s="245"/>
    </row>
    <row r="220" spans="2:5" s="93" customFormat="1" ht="28.8">
      <c r="B220" s="294"/>
      <c r="C220" s="70" t="s">
        <v>986</v>
      </c>
      <c r="D220" s="78"/>
      <c r="E220" s="245"/>
    </row>
    <row r="221" spans="2:5" s="93" customFormat="1" ht="28.8">
      <c r="B221" s="276"/>
      <c r="C221" s="70" t="s">
        <v>979</v>
      </c>
      <c r="D221" s="78"/>
      <c r="E221" s="245"/>
    </row>
    <row r="222" spans="2:5" s="93" customFormat="1">
      <c r="B222" s="122"/>
      <c r="C222" s="70"/>
      <c r="D222" s="78"/>
      <c r="E222" s="245"/>
    </row>
    <row r="223" spans="2:5" s="93" customFormat="1">
      <c r="B223" s="123"/>
      <c r="C223" s="124"/>
      <c r="D223" s="102"/>
      <c r="E223" s="246"/>
    </row>
    <row r="224" spans="2:5">
      <c r="B224" s="13"/>
      <c r="C224" s="14"/>
      <c r="D224" s="108"/>
      <c r="E224" s="108"/>
    </row>
    <row r="225" spans="2:5">
      <c r="B225" s="13" t="s">
        <v>1381</v>
      </c>
      <c r="C225" s="14"/>
      <c r="D225" s="108"/>
      <c r="E225" s="108"/>
    </row>
    <row r="226" spans="2:5" ht="13.5" customHeight="1">
      <c r="B226" s="250" t="s">
        <v>213</v>
      </c>
      <c r="C226" s="250" t="s">
        <v>214</v>
      </c>
      <c r="D226" s="248" t="s">
        <v>1041</v>
      </c>
      <c r="E226" s="249"/>
    </row>
    <row r="227" spans="2:5">
      <c r="B227" s="251"/>
      <c r="C227" s="251"/>
      <c r="D227" s="99" t="s">
        <v>1040</v>
      </c>
      <c r="E227" s="99" t="s">
        <v>215</v>
      </c>
    </row>
    <row r="228" spans="2:5" s="68" customFormat="1">
      <c r="B228" s="275" t="s">
        <v>384</v>
      </c>
      <c r="C228" s="85" t="s">
        <v>968</v>
      </c>
      <c r="D228" s="113"/>
      <c r="E228" s="244"/>
    </row>
    <row r="229" spans="2:5" s="68" customFormat="1">
      <c r="B229" s="276"/>
      <c r="C229" s="80" t="s">
        <v>1001</v>
      </c>
      <c r="D229" s="125"/>
      <c r="E229" s="245"/>
    </row>
    <row r="230" spans="2:5" s="68" customFormat="1">
      <c r="B230" s="279" t="s">
        <v>537</v>
      </c>
      <c r="C230" s="86" t="s">
        <v>968</v>
      </c>
      <c r="D230" s="105"/>
      <c r="E230" s="245"/>
    </row>
    <row r="231" spans="2:5" s="68" customFormat="1">
      <c r="B231" s="276"/>
      <c r="C231" s="80" t="s">
        <v>1382</v>
      </c>
      <c r="D231" s="125"/>
      <c r="E231" s="245"/>
    </row>
    <row r="232" spans="2:5" s="68" customFormat="1">
      <c r="B232" s="279" t="s">
        <v>385</v>
      </c>
      <c r="C232" s="86" t="s">
        <v>968</v>
      </c>
      <c r="D232" s="105"/>
      <c r="E232" s="245"/>
    </row>
    <row r="233" spans="2:5" s="68" customFormat="1">
      <c r="B233" s="276"/>
      <c r="C233" s="80" t="s">
        <v>1002</v>
      </c>
      <c r="D233" s="125"/>
      <c r="E233" s="245"/>
    </row>
    <row r="234" spans="2:5" s="68" customFormat="1">
      <c r="B234" s="279" t="s">
        <v>386</v>
      </c>
      <c r="C234" s="86" t="s">
        <v>968</v>
      </c>
      <c r="D234" s="105"/>
      <c r="E234" s="245"/>
    </row>
    <row r="235" spans="2:5" s="68" customFormat="1">
      <c r="B235" s="276"/>
      <c r="C235" s="80" t="s">
        <v>1003</v>
      </c>
      <c r="D235" s="125"/>
      <c r="E235" s="245"/>
    </row>
    <row r="236" spans="2:5" s="68" customFormat="1">
      <c r="B236" s="279" t="s">
        <v>538</v>
      </c>
      <c r="C236" s="86" t="s">
        <v>968</v>
      </c>
      <c r="D236" s="105"/>
      <c r="E236" s="245"/>
    </row>
    <row r="237" spans="2:5" s="126" customFormat="1">
      <c r="B237" s="276"/>
      <c r="C237" s="86" t="s">
        <v>1004</v>
      </c>
      <c r="D237" s="125"/>
      <c r="E237" s="245"/>
    </row>
    <row r="238" spans="2:5" s="68" customFormat="1">
      <c r="B238" s="279" t="s">
        <v>270</v>
      </c>
      <c r="C238" s="86" t="s">
        <v>968</v>
      </c>
      <c r="D238" s="105"/>
      <c r="E238" s="245"/>
    </row>
    <row r="239" spans="2:5" s="93" customFormat="1" ht="28.8">
      <c r="B239" s="294"/>
      <c r="C239" s="70" t="s">
        <v>986</v>
      </c>
      <c r="D239" s="78"/>
      <c r="E239" s="245"/>
    </row>
    <row r="240" spans="2:5" s="93" customFormat="1" ht="28.8">
      <c r="B240" s="276"/>
      <c r="C240" s="70" t="s">
        <v>979</v>
      </c>
      <c r="D240" s="78"/>
      <c r="E240" s="245"/>
    </row>
    <row r="241" spans="2:5" s="93" customFormat="1">
      <c r="B241" s="122"/>
      <c r="C241" s="70"/>
      <c r="D241" s="78"/>
      <c r="E241" s="245"/>
    </row>
    <row r="242" spans="2:5" s="93" customFormat="1">
      <c r="B242" s="123"/>
      <c r="C242" s="124"/>
      <c r="D242" s="102"/>
      <c r="E242" s="246"/>
    </row>
    <row r="243" spans="2:5" s="93" customFormat="1">
      <c r="B243" s="131"/>
      <c r="C243" s="128"/>
      <c r="D243" s="103"/>
      <c r="E243" s="103"/>
    </row>
    <row r="244" spans="2:5" s="68" customFormat="1">
      <c r="B244" s="115" t="s">
        <v>0</v>
      </c>
      <c r="C244" s="115"/>
      <c r="D244" s="108"/>
      <c r="E244" s="108"/>
    </row>
    <row r="245" spans="2:5" s="68" customFormat="1">
      <c r="B245" s="115" t="s">
        <v>1</v>
      </c>
      <c r="C245" s="115"/>
      <c r="D245" s="108"/>
      <c r="E245" s="108"/>
    </row>
    <row r="246" spans="2:5" ht="13.5" customHeight="1">
      <c r="B246" s="250" t="s">
        <v>213</v>
      </c>
      <c r="C246" s="250" t="s">
        <v>214</v>
      </c>
      <c r="D246" s="248" t="s">
        <v>1041</v>
      </c>
      <c r="E246" s="249"/>
    </row>
    <row r="247" spans="2:5">
      <c r="B247" s="251"/>
      <c r="C247" s="251"/>
      <c r="D247" s="99" t="s">
        <v>1040</v>
      </c>
      <c r="E247" s="99" t="s">
        <v>215</v>
      </c>
    </row>
    <row r="248" spans="2:5" s="68" customFormat="1">
      <c r="B248" s="275" t="s">
        <v>1006</v>
      </c>
      <c r="C248" s="85" t="s">
        <v>968</v>
      </c>
      <c r="D248" s="113"/>
      <c r="E248" s="272"/>
    </row>
    <row r="249" spans="2:5" s="68" customFormat="1">
      <c r="B249" s="276"/>
      <c r="C249" s="86" t="s">
        <v>1005</v>
      </c>
      <c r="D249" s="125"/>
      <c r="E249" s="273"/>
    </row>
    <row r="250" spans="2:5" s="68" customFormat="1">
      <c r="B250" s="279" t="s">
        <v>270</v>
      </c>
      <c r="C250" s="86" t="s">
        <v>968</v>
      </c>
      <c r="D250" s="105"/>
      <c r="E250" s="273"/>
    </row>
    <row r="251" spans="2:5" s="93" customFormat="1" ht="28.8">
      <c r="B251" s="294"/>
      <c r="C251" s="70" t="s">
        <v>986</v>
      </c>
      <c r="D251" s="78"/>
      <c r="E251" s="273"/>
    </row>
    <row r="252" spans="2:5" s="93" customFormat="1" ht="28.8">
      <c r="B252" s="276"/>
      <c r="C252" s="70" t="s">
        <v>979</v>
      </c>
      <c r="D252" s="78"/>
      <c r="E252" s="273"/>
    </row>
    <row r="253" spans="2:5" s="93" customFormat="1">
      <c r="B253" s="122"/>
      <c r="C253" s="70"/>
      <c r="D253" s="78"/>
      <c r="E253" s="273"/>
    </row>
    <row r="254" spans="2:5" s="93" customFormat="1">
      <c r="B254" s="123"/>
      <c r="C254" s="124"/>
      <c r="D254" s="102"/>
      <c r="E254" s="274"/>
    </row>
    <row r="255" spans="2:5" s="93" customFormat="1">
      <c r="B255" s="127"/>
      <c r="C255" s="132"/>
      <c r="D255" s="129"/>
      <c r="E255" s="129"/>
    </row>
    <row r="256" spans="2:5" s="68" customFormat="1">
      <c r="B256" s="115" t="s">
        <v>309</v>
      </c>
      <c r="C256" s="115"/>
      <c r="D256" s="108"/>
      <c r="E256" s="108"/>
    </row>
    <row r="257" spans="2:5" ht="13.5" customHeight="1">
      <c r="B257" s="250" t="s">
        <v>213</v>
      </c>
      <c r="C257" s="250" t="s">
        <v>214</v>
      </c>
      <c r="D257" s="248" t="s">
        <v>1041</v>
      </c>
      <c r="E257" s="249"/>
    </row>
    <row r="258" spans="2:5">
      <c r="B258" s="251"/>
      <c r="C258" s="251"/>
      <c r="D258" s="99" t="s">
        <v>1040</v>
      </c>
      <c r="E258" s="99" t="s">
        <v>215</v>
      </c>
    </row>
    <row r="259" spans="2:5" s="68" customFormat="1">
      <c r="B259" s="275" t="s">
        <v>388</v>
      </c>
      <c r="C259" s="85" t="s">
        <v>968</v>
      </c>
      <c r="D259" s="113"/>
      <c r="E259" s="244"/>
    </row>
    <row r="260" spans="2:5" s="68" customFormat="1">
      <c r="B260" s="276"/>
      <c r="C260" s="120" t="s">
        <v>1007</v>
      </c>
      <c r="D260" s="125"/>
      <c r="E260" s="245"/>
    </row>
    <row r="261" spans="2:5" s="68" customFormat="1">
      <c r="B261" s="267" t="s">
        <v>389</v>
      </c>
      <c r="C261" s="86" t="s">
        <v>968</v>
      </c>
      <c r="D261" s="105"/>
      <c r="E261" s="245"/>
    </row>
    <row r="262" spans="2:5" s="68" customFormat="1">
      <c r="B262" s="268"/>
      <c r="C262" s="120" t="s">
        <v>1008</v>
      </c>
      <c r="D262" s="125"/>
      <c r="E262" s="245"/>
    </row>
    <row r="263" spans="2:5" s="68" customFormat="1">
      <c r="B263" s="279" t="s">
        <v>270</v>
      </c>
      <c r="C263" s="86" t="s">
        <v>968</v>
      </c>
      <c r="D263" s="105"/>
      <c r="E263" s="245"/>
    </row>
    <row r="264" spans="2:5" s="93" customFormat="1" ht="28.8">
      <c r="B264" s="294"/>
      <c r="C264" s="70" t="s">
        <v>986</v>
      </c>
      <c r="D264" s="78"/>
      <c r="E264" s="245"/>
    </row>
    <row r="265" spans="2:5" s="93" customFormat="1" ht="28.8">
      <c r="B265" s="276"/>
      <c r="C265" s="70" t="s">
        <v>979</v>
      </c>
      <c r="D265" s="78"/>
      <c r="E265" s="245"/>
    </row>
    <row r="266" spans="2:5" s="93" customFormat="1">
      <c r="B266" s="122"/>
      <c r="C266" s="70"/>
      <c r="D266" s="78"/>
      <c r="E266" s="245"/>
    </row>
    <row r="267" spans="2:5" s="93" customFormat="1">
      <c r="B267" s="123"/>
      <c r="C267" s="124"/>
      <c r="D267" s="102"/>
      <c r="E267" s="246"/>
    </row>
    <row r="268" spans="2:5" s="93" customFormat="1">
      <c r="B268" s="127"/>
      <c r="C268" s="132"/>
      <c r="D268" s="129"/>
      <c r="E268" s="108" t="s">
        <v>555</v>
      </c>
    </row>
    <row r="269" spans="2:5" s="68" customFormat="1">
      <c r="B269" s="115" t="s">
        <v>311</v>
      </c>
      <c r="C269" s="115"/>
      <c r="D269" s="108"/>
      <c r="E269" s="108"/>
    </row>
    <row r="270" spans="2:5" ht="13.5" customHeight="1">
      <c r="B270" s="250" t="s">
        <v>213</v>
      </c>
      <c r="C270" s="250" t="s">
        <v>214</v>
      </c>
      <c r="D270" s="248" t="s">
        <v>1041</v>
      </c>
      <c r="E270" s="249"/>
    </row>
    <row r="271" spans="2:5">
      <c r="B271" s="251"/>
      <c r="C271" s="251"/>
      <c r="D271" s="99" t="s">
        <v>1040</v>
      </c>
      <c r="E271" s="99" t="s">
        <v>215</v>
      </c>
    </row>
    <row r="272" spans="2:5" s="68" customFormat="1">
      <c r="B272" s="275" t="s">
        <v>278</v>
      </c>
      <c r="C272" s="85" t="s">
        <v>968</v>
      </c>
      <c r="D272" s="113"/>
      <c r="E272" s="244"/>
    </row>
    <row r="273" spans="2:5" s="126" customFormat="1">
      <c r="B273" s="294"/>
      <c r="C273" s="80" t="s">
        <v>1009</v>
      </c>
      <c r="D273" s="125"/>
      <c r="E273" s="245"/>
    </row>
    <row r="274" spans="2:5" s="93" customFormat="1">
      <c r="B274" s="294"/>
      <c r="C274" s="80" t="s">
        <v>412</v>
      </c>
      <c r="D274" s="125"/>
      <c r="E274" s="245"/>
    </row>
    <row r="275" spans="2:5" s="93" customFormat="1">
      <c r="B275" s="276"/>
      <c r="C275" s="120" t="s">
        <v>413</v>
      </c>
      <c r="D275" s="125"/>
      <c r="E275" s="245"/>
    </row>
    <row r="276" spans="2:5" s="68" customFormat="1">
      <c r="B276" s="279" t="s">
        <v>279</v>
      </c>
      <c r="C276" s="86" t="s">
        <v>968</v>
      </c>
      <c r="D276" s="105"/>
      <c r="E276" s="245"/>
    </row>
    <row r="277" spans="2:5" s="93" customFormat="1">
      <c r="B277" s="294"/>
      <c r="C277" s="86" t="s">
        <v>414</v>
      </c>
      <c r="D277" s="125"/>
      <c r="E277" s="245"/>
    </row>
    <row r="278" spans="2:5" s="93" customFormat="1">
      <c r="B278" s="276"/>
      <c r="C278" s="120" t="s">
        <v>413</v>
      </c>
      <c r="D278" s="125"/>
      <c r="E278" s="245"/>
    </row>
    <row r="279" spans="2:5" s="93" customFormat="1">
      <c r="B279" s="133"/>
      <c r="C279" s="120"/>
      <c r="D279" s="78"/>
      <c r="E279" s="245"/>
    </row>
    <row r="280" spans="2:5" s="93" customFormat="1">
      <c r="B280" s="134"/>
      <c r="C280" s="135"/>
      <c r="D280" s="102"/>
      <c r="E280" s="246"/>
    </row>
    <row r="281" spans="2:5" s="93" customFormat="1">
      <c r="B281" s="136"/>
      <c r="C281" s="137"/>
      <c r="D281" s="138"/>
      <c r="E281" s="138"/>
    </row>
    <row r="282" spans="2:5" s="126" customFormat="1">
      <c r="B282" s="47" t="s">
        <v>600</v>
      </c>
      <c r="C282" s="47"/>
      <c r="D282" s="108"/>
      <c r="E282" s="108"/>
    </row>
    <row r="283" spans="2:5" ht="13.5" customHeight="1">
      <c r="B283" s="250" t="s">
        <v>213</v>
      </c>
      <c r="C283" s="250" t="s">
        <v>214</v>
      </c>
      <c r="D283" s="248" t="s">
        <v>1041</v>
      </c>
      <c r="E283" s="249"/>
    </row>
    <row r="284" spans="2:5">
      <c r="B284" s="251"/>
      <c r="C284" s="251"/>
      <c r="D284" s="99" t="s">
        <v>1040</v>
      </c>
      <c r="E284" s="99" t="s">
        <v>215</v>
      </c>
    </row>
    <row r="285" spans="2:5" s="68" customFormat="1">
      <c r="B285" s="275" t="s">
        <v>312</v>
      </c>
      <c r="C285" s="85" t="s">
        <v>968</v>
      </c>
      <c r="D285" s="113"/>
      <c r="E285" s="244"/>
    </row>
    <row r="286" spans="2:5" s="126" customFormat="1">
      <c r="B286" s="276"/>
      <c r="C286" s="80" t="s">
        <v>1010</v>
      </c>
      <c r="D286" s="125"/>
      <c r="E286" s="245"/>
    </row>
    <row r="287" spans="2:5" s="68" customFormat="1">
      <c r="B287" s="279" t="s">
        <v>270</v>
      </c>
      <c r="C287" s="86" t="s">
        <v>968</v>
      </c>
      <c r="D287" s="105"/>
      <c r="E287" s="245"/>
    </row>
    <row r="288" spans="2:5" s="93" customFormat="1" ht="28.8">
      <c r="B288" s="294"/>
      <c r="C288" s="70" t="s">
        <v>986</v>
      </c>
      <c r="D288" s="78"/>
      <c r="E288" s="245"/>
    </row>
    <row r="289" spans="2:5" s="93" customFormat="1" ht="28.8">
      <c r="B289" s="276"/>
      <c r="C289" s="70" t="s">
        <v>979</v>
      </c>
      <c r="D289" s="78"/>
      <c r="E289" s="245"/>
    </row>
    <row r="290" spans="2:5" s="93" customFormat="1">
      <c r="B290" s="122"/>
      <c r="C290" s="70"/>
      <c r="D290" s="78"/>
      <c r="E290" s="245"/>
    </row>
    <row r="291" spans="2:5" s="93" customFormat="1">
      <c r="B291" s="123"/>
      <c r="C291" s="124"/>
      <c r="D291" s="102"/>
      <c r="E291" s="246"/>
    </row>
    <row r="292" spans="2:5" s="126" customFormat="1">
      <c r="B292" s="13"/>
      <c r="C292" s="14"/>
      <c r="D292" s="108"/>
      <c r="E292" s="108"/>
    </row>
    <row r="293" spans="2:5" s="68" customFormat="1">
      <c r="B293" s="118" t="s">
        <v>313</v>
      </c>
      <c r="C293" s="118"/>
      <c r="D293" s="108"/>
      <c r="E293" s="108"/>
    </row>
    <row r="294" spans="2:5" ht="13.5" customHeight="1">
      <c r="B294" s="250" t="s">
        <v>213</v>
      </c>
      <c r="C294" s="250" t="s">
        <v>214</v>
      </c>
      <c r="D294" s="248" t="s">
        <v>1041</v>
      </c>
      <c r="E294" s="249"/>
    </row>
    <row r="295" spans="2:5">
      <c r="B295" s="251"/>
      <c r="C295" s="251"/>
      <c r="D295" s="99" t="s">
        <v>1040</v>
      </c>
      <c r="E295" s="99" t="s">
        <v>215</v>
      </c>
    </row>
    <row r="296" spans="2:5" s="68" customFormat="1">
      <c r="B296" s="275" t="s">
        <v>280</v>
      </c>
      <c r="C296" s="85" t="s">
        <v>968</v>
      </c>
      <c r="D296" s="113"/>
      <c r="E296" s="244"/>
    </row>
    <row r="297" spans="2:5" s="93" customFormat="1">
      <c r="B297" s="294"/>
      <c r="C297" s="80" t="s">
        <v>1010</v>
      </c>
      <c r="D297" s="125"/>
      <c r="E297" s="245"/>
    </row>
    <row r="298" spans="2:5" s="93" customFormat="1">
      <c r="B298" s="294"/>
      <c r="C298" s="80" t="s">
        <v>415</v>
      </c>
      <c r="D298" s="125"/>
      <c r="E298" s="245"/>
    </row>
    <row r="299" spans="2:5" s="93" customFormat="1">
      <c r="B299" s="276"/>
      <c r="C299" s="120" t="s">
        <v>413</v>
      </c>
      <c r="D299" s="125"/>
      <c r="E299" s="245"/>
    </row>
    <row r="300" spans="2:5" s="68" customFormat="1">
      <c r="B300" s="279" t="s">
        <v>495</v>
      </c>
      <c r="C300" s="86" t="s">
        <v>968</v>
      </c>
      <c r="D300" s="105"/>
      <c r="E300" s="245"/>
    </row>
    <row r="301" spans="2:5" s="93" customFormat="1">
      <c r="B301" s="294"/>
      <c r="C301" s="80" t="s">
        <v>416</v>
      </c>
      <c r="D301" s="125"/>
      <c r="E301" s="245"/>
    </row>
    <row r="302" spans="2:5" s="93" customFormat="1">
      <c r="B302" s="276"/>
      <c r="C302" s="120" t="s">
        <v>413</v>
      </c>
      <c r="D302" s="125"/>
      <c r="E302" s="245"/>
    </row>
    <row r="303" spans="2:5" s="68" customFormat="1">
      <c r="B303" s="279" t="s">
        <v>1011</v>
      </c>
      <c r="C303" s="86" t="s">
        <v>968</v>
      </c>
      <c r="D303" s="105"/>
      <c r="E303" s="245"/>
    </row>
    <row r="304" spans="2:5" s="93" customFormat="1">
      <c r="B304" s="294"/>
      <c r="C304" s="80" t="s">
        <v>1012</v>
      </c>
      <c r="D304" s="125"/>
      <c r="E304" s="245"/>
    </row>
    <row r="305" spans="2:5" s="93" customFormat="1">
      <c r="B305" s="276"/>
      <c r="C305" s="120" t="s">
        <v>413</v>
      </c>
      <c r="D305" s="125"/>
      <c r="E305" s="245"/>
    </row>
    <row r="306" spans="2:5" s="93" customFormat="1">
      <c r="B306" s="133"/>
      <c r="C306" s="120"/>
      <c r="D306" s="78"/>
      <c r="E306" s="245"/>
    </row>
    <row r="307" spans="2:5" s="93" customFormat="1">
      <c r="B307" s="81"/>
      <c r="C307" s="82"/>
      <c r="D307" s="102"/>
      <c r="E307" s="246"/>
    </row>
    <row r="308" spans="2:5" s="93" customFormat="1">
      <c r="B308" s="83"/>
      <c r="C308" s="84"/>
      <c r="D308" s="103"/>
      <c r="E308" s="103"/>
    </row>
    <row r="309" spans="2:5">
      <c r="B309" s="115" t="s">
        <v>314</v>
      </c>
      <c r="C309" s="115"/>
      <c r="D309" s="108"/>
      <c r="E309" s="108"/>
    </row>
    <row r="310" spans="2:5" s="68" customFormat="1">
      <c r="B310" s="115" t="s">
        <v>315</v>
      </c>
      <c r="C310" s="115"/>
      <c r="D310" s="108"/>
      <c r="E310" s="108"/>
    </row>
    <row r="311" spans="2:5" ht="13.5" customHeight="1">
      <c r="B311" s="250" t="s">
        <v>213</v>
      </c>
      <c r="C311" s="250" t="s">
        <v>214</v>
      </c>
      <c r="D311" s="248" t="s">
        <v>1041</v>
      </c>
      <c r="E311" s="249"/>
    </row>
    <row r="312" spans="2:5">
      <c r="B312" s="251"/>
      <c r="C312" s="251"/>
      <c r="D312" s="99" t="s">
        <v>1040</v>
      </c>
      <c r="E312" s="99" t="s">
        <v>215</v>
      </c>
    </row>
    <row r="313" spans="2:5" s="68" customFormat="1">
      <c r="B313" s="295" t="s">
        <v>316</v>
      </c>
      <c r="C313" s="85" t="s">
        <v>968</v>
      </c>
      <c r="D313" s="113"/>
      <c r="E313" s="244"/>
    </row>
    <row r="314" spans="2:5" s="93" customFormat="1">
      <c r="B314" s="271"/>
      <c r="C314" s="86" t="s">
        <v>1013</v>
      </c>
      <c r="D314" s="125"/>
      <c r="E314" s="245"/>
    </row>
    <row r="315" spans="2:5" s="93" customFormat="1">
      <c r="B315" s="139"/>
      <c r="C315" s="88"/>
      <c r="D315" s="102"/>
      <c r="E315" s="246"/>
    </row>
    <row r="316" spans="2:5" s="93" customFormat="1">
      <c r="B316" s="140"/>
      <c r="C316" s="141"/>
      <c r="D316" s="142"/>
      <c r="E316" s="143"/>
    </row>
    <row r="317" spans="2:5" s="68" customFormat="1">
      <c r="B317" s="115" t="s">
        <v>578</v>
      </c>
      <c r="C317" s="115"/>
      <c r="D317" s="108"/>
      <c r="E317" s="108"/>
    </row>
    <row r="318" spans="2:5" ht="13.5" customHeight="1">
      <c r="B318" s="250" t="s">
        <v>213</v>
      </c>
      <c r="C318" s="250" t="s">
        <v>214</v>
      </c>
      <c r="D318" s="248" t="s">
        <v>1041</v>
      </c>
      <c r="E318" s="249"/>
    </row>
    <row r="319" spans="2:5">
      <c r="B319" s="251"/>
      <c r="C319" s="251"/>
      <c r="D319" s="99" t="s">
        <v>1040</v>
      </c>
      <c r="E319" s="99" t="s">
        <v>215</v>
      </c>
    </row>
    <row r="320" spans="2:5" s="68" customFormat="1">
      <c r="B320" s="278" t="s">
        <v>1014</v>
      </c>
      <c r="C320" s="85" t="s">
        <v>968</v>
      </c>
      <c r="D320" s="113"/>
      <c r="E320" s="244"/>
    </row>
    <row r="321" spans="2:5" s="93" customFormat="1">
      <c r="B321" s="277"/>
      <c r="C321" s="80" t="s">
        <v>1015</v>
      </c>
      <c r="D321" s="125"/>
      <c r="E321" s="245"/>
    </row>
    <row r="322" spans="2:5" s="93" customFormat="1">
      <c r="B322" s="277"/>
      <c r="C322" s="120" t="s">
        <v>579</v>
      </c>
      <c r="D322" s="125"/>
      <c r="E322" s="245"/>
    </row>
    <row r="323" spans="2:5" s="93" customFormat="1">
      <c r="B323" s="277"/>
      <c r="C323" s="120" t="s">
        <v>413</v>
      </c>
      <c r="D323" s="125"/>
      <c r="E323" s="245"/>
    </row>
    <row r="324" spans="2:5" s="93" customFormat="1">
      <c r="B324" s="134"/>
      <c r="C324" s="135"/>
      <c r="D324" s="102"/>
      <c r="E324" s="246"/>
    </row>
    <row r="325" spans="2:5" s="93" customFormat="1">
      <c r="B325" s="136"/>
      <c r="C325" s="144"/>
      <c r="D325" s="138"/>
      <c r="E325" s="108"/>
    </row>
    <row r="326" spans="2:5" s="68" customFormat="1">
      <c r="B326" s="115" t="s">
        <v>580</v>
      </c>
      <c r="C326" s="115"/>
      <c r="D326" s="108"/>
      <c r="E326" s="108"/>
    </row>
    <row r="327" spans="2:5" ht="13.5" customHeight="1">
      <c r="B327" s="250" t="s">
        <v>213</v>
      </c>
      <c r="C327" s="250" t="s">
        <v>214</v>
      </c>
      <c r="D327" s="248" t="s">
        <v>1041</v>
      </c>
      <c r="E327" s="249"/>
    </row>
    <row r="328" spans="2:5">
      <c r="B328" s="251"/>
      <c r="C328" s="251"/>
      <c r="D328" s="99" t="s">
        <v>1040</v>
      </c>
      <c r="E328" s="99" t="s">
        <v>215</v>
      </c>
    </row>
    <row r="329" spans="2:5" s="68" customFormat="1">
      <c r="B329" s="295" t="s">
        <v>1017</v>
      </c>
      <c r="C329" s="85" t="s">
        <v>968</v>
      </c>
      <c r="D329" s="113"/>
      <c r="E329" s="272"/>
    </row>
    <row r="330" spans="2:5" s="93" customFormat="1">
      <c r="B330" s="270"/>
      <c r="C330" s="80" t="s">
        <v>1016</v>
      </c>
      <c r="D330" s="125"/>
      <c r="E330" s="273"/>
    </row>
    <row r="331" spans="2:5" s="93" customFormat="1">
      <c r="B331" s="271"/>
      <c r="C331" s="120" t="s">
        <v>413</v>
      </c>
      <c r="D331" s="125"/>
      <c r="E331" s="273"/>
    </row>
    <row r="332" spans="2:5" s="93" customFormat="1">
      <c r="B332" s="134"/>
      <c r="C332" s="135"/>
      <c r="D332" s="102"/>
      <c r="E332" s="274"/>
    </row>
    <row r="333" spans="2:5" s="93" customFormat="1">
      <c r="B333" s="136"/>
      <c r="C333" s="144"/>
      <c r="D333" s="138"/>
      <c r="E333" s="138"/>
    </row>
    <row r="334" spans="2:5" s="68" customFormat="1">
      <c r="B334" s="115" t="s">
        <v>317</v>
      </c>
      <c r="C334" s="115"/>
      <c r="D334" s="108"/>
      <c r="E334" s="108"/>
    </row>
    <row r="335" spans="2:5" ht="13.5" customHeight="1">
      <c r="B335" s="250" t="s">
        <v>213</v>
      </c>
      <c r="C335" s="250" t="s">
        <v>214</v>
      </c>
      <c r="D335" s="248" t="s">
        <v>1041</v>
      </c>
      <c r="E335" s="249"/>
    </row>
    <row r="336" spans="2:5">
      <c r="B336" s="251"/>
      <c r="C336" s="251"/>
      <c r="D336" s="99" t="s">
        <v>1040</v>
      </c>
      <c r="E336" s="99" t="s">
        <v>215</v>
      </c>
    </row>
    <row r="337" spans="2:5" s="68" customFormat="1">
      <c r="B337" s="295" t="s">
        <v>318</v>
      </c>
      <c r="C337" s="85" t="s">
        <v>968</v>
      </c>
      <c r="D337" s="113"/>
      <c r="E337" s="244"/>
    </row>
    <row r="338" spans="2:5" s="93" customFormat="1">
      <c r="B338" s="270"/>
      <c r="C338" s="86" t="s">
        <v>1015</v>
      </c>
      <c r="D338" s="125"/>
      <c r="E338" s="245"/>
    </row>
    <row r="339" spans="2:5" s="93" customFormat="1">
      <c r="B339" s="271"/>
      <c r="C339" s="120" t="s">
        <v>413</v>
      </c>
      <c r="D339" s="125"/>
      <c r="E339" s="245"/>
    </row>
    <row r="340" spans="2:5" s="93" customFormat="1">
      <c r="B340" s="134"/>
      <c r="C340" s="135"/>
      <c r="D340" s="102"/>
      <c r="E340" s="246"/>
    </row>
    <row r="341" spans="2:5" s="121" customFormat="1">
      <c r="B341" s="13"/>
      <c r="C341" s="14"/>
      <c r="D341" s="108"/>
      <c r="E341" s="108"/>
    </row>
    <row r="342" spans="2:5" s="68" customFormat="1">
      <c r="B342" s="115" t="s">
        <v>601</v>
      </c>
      <c r="C342" s="115"/>
      <c r="D342" s="108"/>
      <c r="E342" s="108"/>
    </row>
    <row r="343" spans="2:5" ht="13.5" customHeight="1">
      <c r="B343" s="250" t="s">
        <v>213</v>
      </c>
      <c r="C343" s="250" t="s">
        <v>214</v>
      </c>
      <c r="D343" s="248" t="s">
        <v>1041</v>
      </c>
      <c r="E343" s="249"/>
    </row>
    <row r="344" spans="2:5">
      <c r="B344" s="251"/>
      <c r="C344" s="251"/>
      <c r="D344" s="99" t="s">
        <v>1040</v>
      </c>
      <c r="E344" s="99" t="s">
        <v>215</v>
      </c>
    </row>
    <row r="345" spans="2:5" s="68" customFormat="1">
      <c r="B345" s="280" t="s">
        <v>312</v>
      </c>
      <c r="C345" s="85" t="s">
        <v>968</v>
      </c>
      <c r="D345" s="113"/>
      <c r="E345" s="244"/>
    </row>
    <row r="346" spans="2:5" s="93" customFormat="1">
      <c r="B346" s="252"/>
      <c r="C346" s="80" t="s">
        <v>1018</v>
      </c>
      <c r="D346" s="125"/>
      <c r="E346" s="245"/>
    </row>
    <row r="347" spans="2:5" s="93" customFormat="1">
      <c r="B347" s="252"/>
      <c r="C347" s="120" t="s">
        <v>413</v>
      </c>
      <c r="D347" s="125"/>
      <c r="E347" s="245"/>
    </row>
    <row r="348" spans="2:5" s="68" customFormat="1">
      <c r="B348" s="265" t="s">
        <v>281</v>
      </c>
      <c r="C348" s="86" t="s">
        <v>968</v>
      </c>
      <c r="D348" s="105"/>
      <c r="E348" s="245"/>
    </row>
    <row r="349" spans="2:5" s="93" customFormat="1" ht="19.2">
      <c r="B349" s="265"/>
      <c r="C349" s="120" t="s">
        <v>1019</v>
      </c>
      <c r="D349" s="125"/>
      <c r="E349" s="245"/>
    </row>
    <row r="350" spans="2:5" s="93" customFormat="1">
      <c r="B350" s="265"/>
      <c r="C350" s="120" t="s">
        <v>413</v>
      </c>
      <c r="D350" s="125"/>
      <c r="E350" s="245"/>
    </row>
    <row r="351" spans="2:5" s="68" customFormat="1">
      <c r="B351" s="277" t="s">
        <v>270</v>
      </c>
      <c r="C351" s="86" t="s">
        <v>968</v>
      </c>
      <c r="D351" s="105"/>
      <c r="E351" s="245"/>
    </row>
    <row r="352" spans="2:5" s="93" customFormat="1" ht="28.8">
      <c r="B352" s="277"/>
      <c r="C352" s="70" t="s">
        <v>986</v>
      </c>
      <c r="D352" s="78"/>
      <c r="E352" s="245"/>
    </row>
    <row r="353" spans="2:5" s="93" customFormat="1" ht="28.8">
      <c r="B353" s="277"/>
      <c r="C353" s="70" t="s">
        <v>979</v>
      </c>
      <c r="D353" s="78"/>
      <c r="E353" s="245"/>
    </row>
    <row r="354" spans="2:5" s="93" customFormat="1">
      <c r="B354" s="122"/>
      <c r="C354" s="70"/>
      <c r="D354" s="78"/>
      <c r="E354" s="245"/>
    </row>
    <row r="355" spans="2:5" s="93" customFormat="1">
      <c r="B355" s="123"/>
      <c r="C355" s="124"/>
      <c r="D355" s="102"/>
      <c r="E355" s="246"/>
    </row>
    <row r="356" spans="2:5" s="121" customFormat="1">
      <c r="B356" s="13"/>
      <c r="C356" s="14"/>
      <c r="D356" s="108"/>
      <c r="E356" s="108" t="s">
        <v>555</v>
      </c>
    </row>
    <row r="357" spans="2:5" s="145" customFormat="1">
      <c r="B357" s="14" t="s">
        <v>496</v>
      </c>
      <c r="C357" s="14"/>
      <c r="D357" s="108"/>
      <c r="E357" s="108"/>
    </row>
    <row r="358" spans="2:5" ht="13.5" customHeight="1">
      <c r="B358" s="250" t="s">
        <v>213</v>
      </c>
      <c r="C358" s="250" t="s">
        <v>214</v>
      </c>
      <c r="D358" s="248" t="s">
        <v>1041</v>
      </c>
      <c r="E358" s="249"/>
    </row>
    <row r="359" spans="2:5">
      <c r="B359" s="251"/>
      <c r="C359" s="251"/>
      <c r="D359" s="99" t="s">
        <v>1040</v>
      </c>
      <c r="E359" s="99" t="s">
        <v>215</v>
      </c>
    </row>
    <row r="360" spans="2:5" s="68" customFormat="1">
      <c r="B360" s="295" t="s">
        <v>581</v>
      </c>
      <c r="C360" s="85" t="s">
        <v>968</v>
      </c>
      <c r="D360" s="113"/>
      <c r="E360" s="244"/>
    </row>
    <row r="361" spans="2:5" s="93" customFormat="1">
      <c r="B361" s="270"/>
      <c r="C361" s="120" t="s">
        <v>1021</v>
      </c>
      <c r="D361" s="125"/>
      <c r="E361" s="245"/>
    </row>
    <row r="362" spans="2:5" s="93" customFormat="1">
      <c r="B362" s="270"/>
      <c r="C362" s="120" t="s">
        <v>582</v>
      </c>
      <c r="D362" s="125"/>
      <c r="E362" s="245"/>
    </row>
    <row r="363" spans="2:5" s="93" customFormat="1">
      <c r="B363" s="271"/>
      <c r="C363" s="120" t="s">
        <v>413</v>
      </c>
      <c r="D363" s="125"/>
      <c r="E363" s="245"/>
    </row>
    <row r="364" spans="2:5" s="68" customFormat="1">
      <c r="B364" s="267" t="s">
        <v>32</v>
      </c>
      <c r="C364" s="86" t="s">
        <v>968</v>
      </c>
      <c r="D364" s="105"/>
      <c r="E364" s="245"/>
    </row>
    <row r="365" spans="2:5" s="93" customFormat="1">
      <c r="B365" s="296"/>
      <c r="C365" s="120" t="s">
        <v>1020</v>
      </c>
      <c r="D365" s="125"/>
      <c r="E365" s="245"/>
    </row>
    <row r="366" spans="2:5" s="93" customFormat="1">
      <c r="B366" s="296"/>
      <c r="C366" s="120" t="s">
        <v>417</v>
      </c>
      <c r="D366" s="125"/>
      <c r="E366" s="245"/>
    </row>
    <row r="367" spans="2:5" s="93" customFormat="1">
      <c r="B367" s="296"/>
      <c r="C367" s="120" t="s">
        <v>583</v>
      </c>
      <c r="D367" s="125"/>
      <c r="E367" s="245"/>
    </row>
    <row r="368" spans="2:5" s="93" customFormat="1">
      <c r="B368" s="268"/>
      <c r="C368" s="120" t="s">
        <v>413</v>
      </c>
      <c r="D368" s="125"/>
      <c r="E368" s="245"/>
    </row>
    <row r="369" spans="2:5" s="68" customFormat="1">
      <c r="B369" s="279" t="s">
        <v>270</v>
      </c>
      <c r="C369" s="86" t="s">
        <v>968</v>
      </c>
      <c r="D369" s="105"/>
      <c r="E369" s="245"/>
    </row>
    <row r="370" spans="2:5" s="93" customFormat="1" ht="28.8">
      <c r="B370" s="294"/>
      <c r="C370" s="70" t="s">
        <v>986</v>
      </c>
      <c r="D370" s="78"/>
      <c r="E370" s="245"/>
    </row>
    <row r="371" spans="2:5" s="93" customFormat="1" ht="28.8">
      <c r="B371" s="276"/>
      <c r="C371" s="70" t="s">
        <v>979</v>
      </c>
      <c r="D371" s="78"/>
      <c r="E371" s="245"/>
    </row>
    <row r="372" spans="2:5" s="93" customFormat="1">
      <c r="B372" s="122"/>
      <c r="C372" s="70"/>
      <c r="D372" s="78"/>
      <c r="E372" s="245"/>
    </row>
    <row r="373" spans="2:5" s="93" customFormat="1">
      <c r="B373" s="123"/>
      <c r="C373" s="124"/>
      <c r="D373" s="102"/>
      <c r="E373" s="246"/>
    </row>
    <row r="374" spans="2:5">
      <c r="B374" s="13"/>
      <c r="C374" s="14"/>
      <c r="D374" s="108"/>
      <c r="E374" s="108"/>
    </row>
    <row r="375" spans="2:5">
      <c r="B375" s="14" t="s">
        <v>602</v>
      </c>
      <c r="C375" s="14"/>
      <c r="D375" s="108"/>
      <c r="E375" s="108"/>
    </row>
    <row r="376" spans="2:5" ht="13.5" customHeight="1">
      <c r="B376" s="250" t="s">
        <v>213</v>
      </c>
      <c r="C376" s="250" t="s">
        <v>214</v>
      </c>
      <c r="D376" s="248" t="s">
        <v>1041</v>
      </c>
      <c r="E376" s="249"/>
    </row>
    <row r="377" spans="2:5">
      <c r="B377" s="251"/>
      <c r="C377" s="251"/>
      <c r="D377" s="99" t="s">
        <v>1040</v>
      </c>
      <c r="E377" s="99" t="s">
        <v>215</v>
      </c>
    </row>
    <row r="378" spans="2:5" s="68" customFormat="1">
      <c r="B378" s="295" t="s">
        <v>200</v>
      </c>
      <c r="C378" s="85" t="s">
        <v>968</v>
      </c>
      <c r="D378" s="113"/>
      <c r="E378" s="244"/>
    </row>
    <row r="379" spans="2:5" s="121" customFormat="1">
      <c r="B379" s="270"/>
      <c r="C379" s="86" t="s">
        <v>1022</v>
      </c>
      <c r="D379" s="125"/>
      <c r="E379" s="245"/>
    </row>
    <row r="380" spans="2:5" s="93" customFormat="1">
      <c r="B380" s="271"/>
      <c r="C380" s="120" t="s">
        <v>413</v>
      </c>
      <c r="D380" s="125"/>
      <c r="E380" s="245"/>
    </row>
    <row r="381" spans="2:5" s="68" customFormat="1">
      <c r="B381" s="279" t="s">
        <v>270</v>
      </c>
      <c r="C381" s="86" t="s">
        <v>968</v>
      </c>
      <c r="D381" s="105"/>
      <c r="E381" s="245"/>
    </row>
    <row r="382" spans="2:5" s="93" customFormat="1" ht="28.8">
      <c r="B382" s="294"/>
      <c r="C382" s="70" t="s">
        <v>986</v>
      </c>
      <c r="D382" s="125"/>
      <c r="E382" s="245"/>
    </row>
    <row r="383" spans="2:5" s="93" customFormat="1" ht="28.8">
      <c r="B383" s="276"/>
      <c r="C383" s="70" t="s">
        <v>979</v>
      </c>
      <c r="D383" s="125"/>
      <c r="E383" s="245"/>
    </row>
    <row r="384" spans="2:5" s="93" customFormat="1">
      <c r="B384" s="122"/>
      <c r="C384" s="70"/>
      <c r="D384" s="78"/>
      <c r="E384" s="245"/>
    </row>
    <row r="385" spans="2:5" s="93" customFormat="1">
      <c r="B385" s="123"/>
      <c r="C385" s="124"/>
      <c r="D385" s="102"/>
      <c r="E385" s="246"/>
    </row>
    <row r="386" spans="2:5" s="126" customFormat="1">
      <c r="B386" s="94"/>
      <c r="C386" s="95"/>
      <c r="D386" s="146"/>
      <c r="E386" s="146"/>
    </row>
    <row r="387" spans="2:5" s="121" customFormat="1">
      <c r="B387" s="147" t="s">
        <v>319</v>
      </c>
      <c r="C387" s="147"/>
      <c r="D387" s="146"/>
      <c r="E387" s="146"/>
    </row>
    <row r="388" spans="2:5" s="68" customFormat="1">
      <c r="B388" s="118" t="s">
        <v>320</v>
      </c>
      <c r="C388" s="118"/>
      <c r="D388" s="108"/>
      <c r="E388" s="108"/>
    </row>
    <row r="389" spans="2:5" ht="13.5" customHeight="1">
      <c r="B389" s="250" t="s">
        <v>213</v>
      </c>
      <c r="C389" s="250" t="s">
        <v>214</v>
      </c>
      <c r="D389" s="248" t="s">
        <v>1041</v>
      </c>
      <c r="E389" s="249"/>
    </row>
    <row r="390" spans="2:5">
      <c r="B390" s="251"/>
      <c r="C390" s="251"/>
      <c r="D390" s="99" t="s">
        <v>1040</v>
      </c>
      <c r="E390" s="99" t="s">
        <v>215</v>
      </c>
    </row>
    <row r="391" spans="2:5" s="68" customFormat="1">
      <c r="B391" s="295" t="s">
        <v>200</v>
      </c>
      <c r="C391" s="85" t="s">
        <v>968</v>
      </c>
      <c r="D391" s="113"/>
      <c r="E391" s="244"/>
    </row>
    <row r="392" spans="2:5" s="121" customFormat="1">
      <c r="B392" s="270"/>
      <c r="C392" s="120" t="s">
        <v>1023</v>
      </c>
      <c r="D392" s="125"/>
      <c r="E392" s="245"/>
    </row>
    <row r="393" spans="2:5" s="93" customFormat="1">
      <c r="B393" s="271"/>
      <c r="C393" s="120" t="s">
        <v>413</v>
      </c>
      <c r="D393" s="125"/>
      <c r="E393" s="245"/>
    </row>
    <row r="394" spans="2:5" s="68" customFormat="1">
      <c r="B394" s="279" t="s">
        <v>270</v>
      </c>
      <c r="C394" s="86" t="s">
        <v>968</v>
      </c>
      <c r="D394" s="105"/>
      <c r="E394" s="245"/>
    </row>
    <row r="395" spans="2:5" s="93" customFormat="1" ht="28.8">
      <c r="B395" s="294"/>
      <c r="C395" s="70" t="s">
        <v>986</v>
      </c>
      <c r="D395" s="78"/>
      <c r="E395" s="245"/>
    </row>
    <row r="396" spans="2:5" s="93" customFormat="1" ht="28.8">
      <c r="B396" s="276"/>
      <c r="C396" s="70" t="s">
        <v>979</v>
      </c>
      <c r="D396" s="78"/>
      <c r="E396" s="245"/>
    </row>
    <row r="397" spans="2:5" s="93" customFormat="1">
      <c r="B397" s="122"/>
      <c r="C397" s="70"/>
      <c r="D397" s="78"/>
      <c r="E397" s="245"/>
    </row>
    <row r="398" spans="2:5" s="93" customFormat="1">
      <c r="B398" s="123"/>
      <c r="C398" s="124"/>
      <c r="D398" s="102"/>
      <c r="E398" s="246"/>
    </row>
    <row r="399" spans="2:5" s="93" customFormat="1">
      <c r="B399" s="127"/>
      <c r="C399" s="132"/>
      <c r="D399" s="129"/>
      <c r="E399" s="129" t="s">
        <v>555</v>
      </c>
    </row>
    <row r="400" spans="2:5" s="68" customFormat="1">
      <c r="B400" s="118" t="s">
        <v>321</v>
      </c>
      <c r="C400" s="118"/>
      <c r="D400" s="119"/>
      <c r="E400" s="119"/>
    </row>
    <row r="401" spans="2:5" ht="13.5" customHeight="1">
      <c r="B401" s="250" t="s">
        <v>213</v>
      </c>
      <c r="C401" s="250" t="s">
        <v>214</v>
      </c>
      <c r="D401" s="248" t="s">
        <v>1041</v>
      </c>
      <c r="E401" s="249"/>
    </row>
    <row r="402" spans="2:5">
      <c r="B402" s="251"/>
      <c r="C402" s="251"/>
      <c r="D402" s="99" t="s">
        <v>1040</v>
      </c>
      <c r="E402" s="99" t="s">
        <v>215</v>
      </c>
    </row>
    <row r="403" spans="2:5" s="68" customFormat="1">
      <c r="B403" s="297" t="s">
        <v>34</v>
      </c>
      <c r="C403" s="85" t="s">
        <v>968</v>
      </c>
      <c r="D403" s="113"/>
      <c r="E403" s="244"/>
    </row>
    <row r="404" spans="2:5" s="93" customFormat="1">
      <c r="B404" s="296"/>
      <c r="C404" s="120" t="s">
        <v>984</v>
      </c>
      <c r="D404" s="125"/>
      <c r="E404" s="245"/>
    </row>
    <row r="405" spans="2:5" s="93" customFormat="1">
      <c r="B405" s="268"/>
      <c r="C405" s="120" t="s">
        <v>413</v>
      </c>
      <c r="D405" s="125"/>
      <c r="E405" s="245"/>
    </row>
    <row r="406" spans="2:5" s="93" customFormat="1">
      <c r="B406" s="267" t="s">
        <v>418</v>
      </c>
      <c r="C406" s="86" t="s">
        <v>968</v>
      </c>
      <c r="D406" s="105"/>
      <c r="E406" s="245"/>
    </row>
    <row r="407" spans="2:5" s="93" customFormat="1" ht="19.2">
      <c r="B407" s="296"/>
      <c r="C407" s="120" t="s">
        <v>1024</v>
      </c>
      <c r="D407" s="125"/>
      <c r="E407" s="245"/>
    </row>
    <row r="408" spans="2:5" s="93" customFormat="1">
      <c r="B408" s="268"/>
      <c r="C408" s="120" t="s">
        <v>413</v>
      </c>
      <c r="D408" s="125"/>
      <c r="E408" s="245"/>
    </row>
    <row r="409" spans="2:5" s="68" customFormat="1">
      <c r="B409" s="279" t="s">
        <v>270</v>
      </c>
      <c r="C409" s="86" t="s">
        <v>968</v>
      </c>
      <c r="D409" s="105"/>
      <c r="E409" s="245"/>
    </row>
    <row r="410" spans="2:5" s="93" customFormat="1" ht="28.8">
      <c r="B410" s="294"/>
      <c r="C410" s="70" t="s">
        <v>986</v>
      </c>
      <c r="D410" s="78"/>
      <c r="E410" s="245"/>
    </row>
    <row r="411" spans="2:5" s="93" customFormat="1" ht="28.8">
      <c r="B411" s="276"/>
      <c r="C411" s="70" t="s">
        <v>979</v>
      </c>
      <c r="D411" s="78"/>
      <c r="E411" s="245"/>
    </row>
    <row r="412" spans="2:5" s="93" customFormat="1">
      <c r="B412" s="122"/>
      <c r="C412" s="70"/>
      <c r="D412" s="78"/>
      <c r="E412" s="245"/>
    </row>
    <row r="413" spans="2:5" s="93" customFormat="1">
      <c r="B413" s="123"/>
      <c r="C413" s="124"/>
      <c r="D413" s="102"/>
      <c r="E413" s="246"/>
    </row>
    <row r="414" spans="2:5" s="68" customFormat="1">
      <c r="B414" s="13"/>
      <c r="C414" s="14"/>
      <c r="D414" s="108"/>
      <c r="E414" s="108"/>
    </row>
    <row r="415" spans="2:5" s="68" customFormat="1">
      <c r="B415" s="13" t="s">
        <v>497</v>
      </c>
      <c r="C415" s="14"/>
      <c r="D415" s="108"/>
      <c r="E415" s="108"/>
    </row>
    <row r="416" spans="2:5" s="68" customFormat="1">
      <c r="B416" s="118" t="s">
        <v>322</v>
      </c>
      <c r="C416" s="118"/>
      <c r="D416" s="119"/>
      <c r="E416" s="119"/>
    </row>
    <row r="417" spans="2:5" ht="13.5" customHeight="1">
      <c r="B417" s="250" t="s">
        <v>213</v>
      </c>
      <c r="C417" s="250" t="s">
        <v>214</v>
      </c>
      <c r="D417" s="248" t="s">
        <v>1041</v>
      </c>
      <c r="E417" s="249"/>
    </row>
    <row r="418" spans="2:5">
      <c r="B418" s="251"/>
      <c r="C418" s="251"/>
      <c r="D418" s="99" t="s">
        <v>1040</v>
      </c>
      <c r="E418" s="99" t="s">
        <v>215</v>
      </c>
    </row>
    <row r="419" spans="2:5" s="68" customFormat="1">
      <c r="B419" s="297" t="s">
        <v>285</v>
      </c>
      <c r="C419" s="85" t="s">
        <v>968</v>
      </c>
      <c r="D419" s="113"/>
      <c r="E419" s="244"/>
    </row>
    <row r="420" spans="2:5" s="126" customFormat="1">
      <c r="B420" s="296"/>
      <c r="C420" s="80" t="s">
        <v>1025</v>
      </c>
      <c r="D420" s="125"/>
      <c r="E420" s="245"/>
    </row>
    <row r="421" spans="2:5" s="93" customFormat="1">
      <c r="B421" s="268"/>
      <c r="C421" s="120" t="s">
        <v>413</v>
      </c>
      <c r="D421" s="125"/>
      <c r="E421" s="245"/>
    </row>
    <row r="422" spans="2:5" s="68" customFormat="1">
      <c r="B422" s="267" t="s">
        <v>20</v>
      </c>
      <c r="C422" s="86" t="s">
        <v>968</v>
      </c>
      <c r="D422" s="105"/>
      <c r="E422" s="245"/>
    </row>
    <row r="423" spans="2:5" s="126" customFormat="1">
      <c r="B423" s="296"/>
      <c r="C423" s="80" t="s">
        <v>1025</v>
      </c>
      <c r="D423" s="125"/>
      <c r="E423" s="245"/>
    </row>
    <row r="424" spans="2:5" s="93" customFormat="1">
      <c r="B424" s="268"/>
      <c r="C424" s="120" t="s">
        <v>413</v>
      </c>
      <c r="D424" s="125"/>
      <c r="E424" s="245"/>
    </row>
    <row r="425" spans="2:5" s="68" customFormat="1">
      <c r="B425" s="267" t="s">
        <v>23</v>
      </c>
      <c r="C425" s="86" t="s">
        <v>968</v>
      </c>
      <c r="D425" s="105"/>
      <c r="E425" s="245"/>
    </row>
    <row r="426" spans="2:5" s="126" customFormat="1">
      <c r="B426" s="296"/>
      <c r="C426" s="80" t="s">
        <v>1026</v>
      </c>
      <c r="D426" s="125"/>
      <c r="E426" s="245"/>
    </row>
    <row r="427" spans="2:5" s="93" customFormat="1">
      <c r="B427" s="268"/>
      <c r="C427" s="120" t="s">
        <v>413</v>
      </c>
      <c r="D427" s="125"/>
      <c r="E427" s="245"/>
    </row>
    <row r="428" spans="2:5" s="68" customFormat="1">
      <c r="B428" s="279" t="s">
        <v>270</v>
      </c>
      <c r="C428" s="86" t="s">
        <v>968</v>
      </c>
      <c r="D428" s="105"/>
      <c r="E428" s="245"/>
    </row>
    <row r="429" spans="2:5" s="93" customFormat="1" ht="28.8">
      <c r="B429" s="294"/>
      <c r="C429" s="70" t="s">
        <v>986</v>
      </c>
      <c r="D429" s="78"/>
      <c r="E429" s="245"/>
    </row>
    <row r="430" spans="2:5" s="93" customFormat="1" ht="28.8">
      <c r="B430" s="276"/>
      <c r="C430" s="70" t="s">
        <v>979</v>
      </c>
      <c r="D430" s="78"/>
      <c r="E430" s="245"/>
    </row>
    <row r="431" spans="2:5" s="93" customFormat="1">
      <c r="B431" s="122"/>
      <c r="C431" s="70"/>
      <c r="D431" s="78"/>
      <c r="E431" s="245"/>
    </row>
    <row r="432" spans="2:5" s="93" customFormat="1">
      <c r="B432" s="123"/>
      <c r="C432" s="124"/>
      <c r="D432" s="102"/>
      <c r="E432" s="246"/>
    </row>
    <row r="433" spans="2:5" s="68" customFormat="1">
      <c r="B433" s="13"/>
      <c r="C433" s="14"/>
      <c r="D433" s="108"/>
      <c r="E433" s="108" t="s">
        <v>555</v>
      </c>
    </row>
    <row r="434" spans="2:5" s="68" customFormat="1">
      <c r="B434" s="118" t="s">
        <v>21</v>
      </c>
      <c r="C434" s="118"/>
      <c r="D434" s="119"/>
      <c r="E434" s="119"/>
    </row>
    <row r="435" spans="2:5" ht="13.5" customHeight="1">
      <c r="B435" s="250" t="s">
        <v>213</v>
      </c>
      <c r="C435" s="250" t="s">
        <v>214</v>
      </c>
      <c r="D435" s="248" t="s">
        <v>1041</v>
      </c>
      <c r="E435" s="249"/>
    </row>
    <row r="436" spans="2:5">
      <c r="B436" s="251"/>
      <c r="C436" s="251"/>
      <c r="D436" s="99" t="s">
        <v>1040</v>
      </c>
      <c r="E436" s="99" t="s">
        <v>215</v>
      </c>
    </row>
    <row r="437" spans="2:5" s="68" customFormat="1">
      <c r="B437" s="297" t="s">
        <v>19</v>
      </c>
      <c r="C437" s="85" t="s">
        <v>968</v>
      </c>
      <c r="D437" s="113"/>
      <c r="E437" s="272"/>
    </row>
    <row r="438" spans="2:5" s="126" customFormat="1">
      <c r="B438" s="296"/>
      <c r="C438" s="80" t="s">
        <v>1026</v>
      </c>
      <c r="D438" s="125"/>
      <c r="E438" s="273"/>
    </row>
    <row r="439" spans="2:5" s="93" customFormat="1">
      <c r="B439" s="268"/>
      <c r="C439" s="120" t="s">
        <v>413</v>
      </c>
      <c r="D439" s="125"/>
      <c r="E439" s="273"/>
    </row>
    <row r="440" spans="2:5" s="68" customFormat="1">
      <c r="B440" s="279" t="s">
        <v>270</v>
      </c>
      <c r="C440" s="86" t="s">
        <v>968</v>
      </c>
      <c r="D440" s="105"/>
      <c r="E440" s="273"/>
    </row>
    <row r="441" spans="2:5" s="93" customFormat="1" ht="28.8">
      <c r="B441" s="294"/>
      <c r="C441" s="70" t="s">
        <v>986</v>
      </c>
      <c r="D441" s="78"/>
      <c r="E441" s="273"/>
    </row>
    <row r="442" spans="2:5" s="93" customFormat="1" ht="28.8">
      <c r="B442" s="276"/>
      <c r="C442" s="70" t="s">
        <v>979</v>
      </c>
      <c r="D442" s="78"/>
      <c r="E442" s="273"/>
    </row>
    <row r="443" spans="2:5" s="93" customFormat="1">
      <c r="B443" s="122"/>
      <c r="C443" s="70"/>
      <c r="D443" s="78"/>
      <c r="E443" s="273"/>
    </row>
    <row r="444" spans="2:5" s="93" customFormat="1">
      <c r="B444" s="123"/>
      <c r="C444" s="124"/>
      <c r="D444" s="102"/>
      <c r="E444" s="274"/>
    </row>
    <row r="445" spans="2:5" s="68" customFormat="1">
      <c r="B445" s="13"/>
      <c r="C445" s="14"/>
      <c r="D445" s="108"/>
      <c r="E445" s="108"/>
    </row>
    <row r="446" spans="2:5" s="68" customFormat="1">
      <c r="B446" s="118" t="s">
        <v>502</v>
      </c>
      <c r="C446" s="118"/>
      <c r="D446" s="119"/>
      <c r="E446" s="119"/>
    </row>
    <row r="447" spans="2:5" ht="13.5" customHeight="1">
      <c r="B447" s="250" t="s">
        <v>213</v>
      </c>
      <c r="C447" s="250" t="s">
        <v>214</v>
      </c>
      <c r="D447" s="248" t="s">
        <v>1041</v>
      </c>
      <c r="E447" s="249"/>
    </row>
    <row r="448" spans="2:5">
      <c r="B448" s="251"/>
      <c r="C448" s="251"/>
      <c r="D448" s="99" t="s">
        <v>1040</v>
      </c>
      <c r="E448" s="99" t="s">
        <v>215</v>
      </c>
    </row>
    <row r="449" spans="2:5" s="68" customFormat="1">
      <c r="B449" s="298" t="s">
        <v>22</v>
      </c>
      <c r="C449" s="85" t="s">
        <v>968</v>
      </c>
      <c r="D449" s="113"/>
      <c r="E449" s="244"/>
    </row>
    <row r="450" spans="2:5" s="126" customFormat="1">
      <c r="B450" s="265"/>
      <c r="C450" s="80" t="s">
        <v>1026</v>
      </c>
      <c r="D450" s="125"/>
      <c r="E450" s="245"/>
    </row>
    <row r="451" spans="2:5" s="93" customFormat="1">
      <c r="B451" s="265"/>
      <c r="C451" s="120" t="s">
        <v>413</v>
      </c>
      <c r="D451" s="125"/>
      <c r="E451" s="245"/>
    </row>
    <row r="452" spans="2:5" s="68" customFormat="1">
      <c r="B452" s="277" t="s">
        <v>270</v>
      </c>
      <c r="C452" s="86" t="s">
        <v>968</v>
      </c>
      <c r="D452" s="105"/>
      <c r="E452" s="245"/>
    </row>
    <row r="453" spans="2:5" s="93" customFormat="1" ht="28.8">
      <c r="B453" s="277"/>
      <c r="C453" s="70" t="s">
        <v>986</v>
      </c>
      <c r="D453" s="78"/>
      <c r="E453" s="245"/>
    </row>
    <row r="454" spans="2:5" s="93" customFormat="1" ht="28.8">
      <c r="B454" s="277"/>
      <c r="C454" s="70" t="s">
        <v>979</v>
      </c>
      <c r="D454" s="78"/>
      <c r="E454" s="245"/>
    </row>
    <row r="455" spans="2:5" s="93" customFormat="1">
      <c r="B455" s="122"/>
      <c r="C455" s="70"/>
      <c r="D455" s="78"/>
      <c r="E455" s="245"/>
    </row>
    <row r="456" spans="2:5" s="93" customFormat="1">
      <c r="B456" s="123"/>
      <c r="C456" s="124"/>
      <c r="D456" s="102"/>
      <c r="E456" s="246"/>
    </row>
    <row r="457" spans="2:5" s="68" customFormat="1">
      <c r="B457" s="94"/>
      <c r="C457" s="95"/>
      <c r="D457" s="146"/>
      <c r="E457" s="108" t="s">
        <v>555</v>
      </c>
    </row>
    <row r="458" spans="2:5" s="93" customFormat="1">
      <c r="B458" s="148" t="s">
        <v>24</v>
      </c>
      <c r="C458" s="95"/>
      <c r="D458" s="146"/>
      <c r="E458" s="146"/>
    </row>
    <row r="459" spans="2:5" ht="13.5" customHeight="1">
      <c r="B459" s="250" t="s">
        <v>213</v>
      </c>
      <c r="C459" s="250" t="s">
        <v>214</v>
      </c>
      <c r="D459" s="248" t="s">
        <v>1041</v>
      </c>
      <c r="E459" s="249"/>
    </row>
    <row r="460" spans="2:5">
      <c r="B460" s="251"/>
      <c r="C460" s="251"/>
      <c r="D460" s="99" t="s">
        <v>1040</v>
      </c>
      <c r="E460" s="99" t="s">
        <v>215</v>
      </c>
    </row>
    <row r="461" spans="2:5" s="68" customFormat="1">
      <c r="B461" s="298" t="s">
        <v>25</v>
      </c>
      <c r="C461" s="85" t="s">
        <v>968</v>
      </c>
      <c r="D461" s="113"/>
      <c r="E461" s="149"/>
    </row>
    <row r="462" spans="2:5" s="93" customFormat="1">
      <c r="B462" s="265"/>
      <c r="C462" s="80" t="s">
        <v>1027</v>
      </c>
      <c r="D462" s="125"/>
      <c r="E462" s="150"/>
    </row>
    <row r="463" spans="2:5" s="68" customFormat="1">
      <c r="B463" s="277" t="s">
        <v>36</v>
      </c>
      <c r="C463" s="86" t="s">
        <v>968</v>
      </c>
      <c r="D463" s="105"/>
      <c r="E463" s="150"/>
    </row>
    <row r="464" spans="2:5" s="93" customFormat="1">
      <c r="B464" s="277"/>
      <c r="C464" s="80" t="s">
        <v>1028</v>
      </c>
      <c r="D464" s="125"/>
      <c r="E464" s="150"/>
    </row>
    <row r="465" spans="2:5" s="68" customFormat="1">
      <c r="B465" s="277" t="s">
        <v>37</v>
      </c>
      <c r="C465" s="86" t="s">
        <v>968</v>
      </c>
      <c r="D465" s="105"/>
      <c r="E465" s="150"/>
    </row>
    <row r="466" spans="2:5" s="93" customFormat="1">
      <c r="B466" s="277"/>
      <c r="C466" s="80" t="s">
        <v>1029</v>
      </c>
      <c r="D466" s="125"/>
      <c r="E466" s="150"/>
    </row>
    <row r="467" spans="2:5" s="68" customFormat="1">
      <c r="B467" s="277" t="s">
        <v>386</v>
      </c>
      <c r="C467" s="86" t="s">
        <v>968</v>
      </c>
      <c r="D467" s="105"/>
      <c r="E467" s="150"/>
    </row>
    <row r="468" spans="2:5" s="68" customFormat="1">
      <c r="B468" s="277"/>
      <c r="C468" s="80" t="s">
        <v>1030</v>
      </c>
      <c r="D468" s="125"/>
      <c r="E468" s="150"/>
    </row>
    <row r="469" spans="2:5" s="68" customFormat="1">
      <c r="B469" s="277" t="s">
        <v>270</v>
      </c>
      <c r="C469" s="86" t="s">
        <v>968</v>
      </c>
      <c r="D469" s="105"/>
      <c r="E469" s="150"/>
    </row>
    <row r="470" spans="2:5" s="93" customFormat="1" ht="28.8">
      <c r="B470" s="277"/>
      <c r="C470" s="70" t="s">
        <v>986</v>
      </c>
      <c r="D470" s="78"/>
      <c r="E470" s="150"/>
    </row>
    <row r="471" spans="2:5" s="93" customFormat="1" ht="28.8">
      <c r="B471" s="277"/>
      <c r="C471" s="70" t="s">
        <v>979</v>
      </c>
      <c r="D471" s="78"/>
      <c r="E471" s="150"/>
    </row>
    <row r="472" spans="2:5" s="93" customFormat="1">
      <c r="B472" s="122"/>
      <c r="C472" s="70"/>
      <c r="D472" s="78"/>
      <c r="E472" s="78"/>
    </row>
    <row r="473" spans="2:5" s="93" customFormat="1">
      <c r="B473" s="123"/>
      <c r="C473" s="124"/>
      <c r="D473" s="102"/>
      <c r="E473" s="102"/>
    </row>
    <row r="474" spans="2:5" s="68" customFormat="1">
      <c r="B474" s="94"/>
      <c r="C474" s="95"/>
      <c r="D474" s="146"/>
      <c r="E474" s="146"/>
    </row>
    <row r="475" spans="2:5" s="96" customFormat="1">
      <c r="B475" s="243" t="s">
        <v>1383</v>
      </c>
      <c r="C475" s="243"/>
      <c r="D475" s="142"/>
      <c r="E475" s="143"/>
    </row>
    <row r="476" spans="2:5" ht="13.5" customHeight="1">
      <c r="B476" s="250" t="s">
        <v>213</v>
      </c>
      <c r="C476" s="250" t="s">
        <v>214</v>
      </c>
      <c r="D476" s="248" t="s">
        <v>1041</v>
      </c>
      <c r="E476" s="249"/>
    </row>
    <row r="477" spans="2:5">
      <c r="B477" s="251"/>
      <c r="C477" s="251"/>
      <c r="D477" s="99" t="s">
        <v>1040</v>
      </c>
      <c r="E477" s="99" t="s">
        <v>215</v>
      </c>
    </row>
    <row r="478" spans="2:5" s="68" customFormat="1">
      <c r="B478" s="280" t="s">
        <v>1032</v>
      </c>
      <c r="C478" s="85" t="s">
        <v>1033</v>
      </c>
      <c r="D478" s="104"/>
      <c r="E478" s="244"/>
    </row>
    <row r="479" spans="2:5" s="68" customFormat="1">
      <c r="B479" s="252"/>
      <c r="C479" s="70" t="s">
        <v>27</v>
      </c>
      <c r="D479" s="78"/>
      <c r="E479" s="245"/>
    </row>
    <row r="480" spans="2:5" s="68" customFormat="1" ht="23.25" customHeight="1">
      <c r="B480" s="70" t="s">
        <v>28</v>
      </c>
      <c r="C480" s="70" t="s">
        <v>1031</v>
      </c>
      <c r="D480" s="78"/>
      <c r="E480" s="245"/>
    </row>
    <row r="481" spans="2:5">
      <c r="B481" s="11"/>
      <c r="C481" s="11"/>
      <c r="D481" s="78"/>
      <c r="E481" s="245"/>
    </row>
    <row r="482" spans="2:5">
      <c r="B482" s="15"/>
      <c r="C482" s="15"/>
      <c r="D482" s="102"/>
      <c r="E482" s="246"/>
    </row>
  </sheetData>
  <mergeCells count="212">
    <mergeCell ref="B9:B16"/>
    <mergeCell ref="E478:E482"/>
    <mergeCell ref="B478:B479"/>
    <mergeCell ref="B475:C475"/>
    <mergeCell ref="E437:E444"/>
    <mergeCell ref="B437:B439"/>
    <mergeCell ref="B440:B442"/>
    <mergeCell ref="E449:E456"/>
    <mergeCell ref="B449:B451"/>
    <mergeCell ref="B452:B454"/>
    <mergeCell ref="B461:B462"/>
    <mergeCell ref="B463:B464"/>
    <mergeCell ref="B465:B466"/>
    <mergeCell ref="B391:B393"/>
    <mergeCell ref="B394:B396"/>
    <mergeCell ref="B403:B405"/>
    <mergeCell ref="B406:B408"/>
    <mergeCell ref="B409:B411"/>
    <mergeCell ref="E419:E432"/>
    <mergeCell ref="B419:B421"/>
    <mergeCell ref="B422:B424"/>
    <mergeCell ref="E360:E373"/>
    <mergeCell ref="B360:B363"/>
    <mergeCell ref="B364:B368"/>
    <mergeCell ref="B369:B371"/>
    <mergeCell ref="B329:B331"/>
    <mergeCell ref="B337:B339"/>
    <mergeCell ref="D318:E318"/>
    <mergeCell ref="D327:E327"/>
    <mergeCell ref="D335:E335"/>
    <mergeCell ref="B358:B359"/>
    <mergeCell ref="C358:C359"/>
    <mergeCell ref="B343:B344"/>
    <mergeCell ref="C343:C344"/>
    <mergeCell ref="B318:B319"/>
    <mergeCell ref="D343:E343"/>
    <mergeCell ref="D358:E358"/>
    <mergeCell ref="E329:E332"/>
    <mergeCell ref="E337:E340"/>
    <mergeCell ref="E345:E355"/>
    <mergeCell ref="C318:C319"/>
    <mergeCell ref="B327:B328"/>
    <mergeCell ref="C327:C328"/>
    <mergeCell ref="B335:B336"/>
    <mergeCell ref="C335:C336"/>
    <mergeCell ref="E313:E315"/>
    <mergeCell ref="E320:E324"/>
    <mergeCell ref="D211:E211"/>
    <mergeCell ref="E155:E165"/>
    <mergeCell ref="E228:E242"/>
    <mergeCell ref="E248:E254"/>
    <mergeCell ref="E272:E280"/>
    <mergeCell ref="D294:E294"/>
    <mergeCell ref="D311:E311"/>
    <mergeCell ref="D270:E270"/>
    <mergeCell ref="D283:E283"/>
    <mergeCell ref="D198:E198"/>
    <mergeCell ref="E200:E208"/>
    <mergeCell ref="E213:E223"/>
    <mergeCell ref="E259:E267"/>
    <mergeCell ref="D246:E246"/>
    <mergeCell ref="D257:E257"/>
    <mergeCell ref="B476:B477"/>
    <mergeCell ref="C476:C477"/>
    <mergeCell ref="B447:B448"/>
    <mergeCell ref="C447:C448"/>
    <mergeCell ref="B459:B460"/>
    <mergeCell ref="C459:C460"/>
    <mergeCell ref="D476:E476"/>
    <mergeCell ref="B467:B468"/>
    <mergeCell ref="B469:B471"/>
    <mergeCell ref="D447:E447"/>
    <mergeCell ref="D459:E459"/>
    <mergeCell ref="B435:B436"/>
    <mergeCell ref="C435:C436"/>
    <mergeCell ref="D401:E401"/>
    <mergeCell ref="D417:E417"/>
    <mergeCell ref="D435:E435"/>
    <mergeCell ref="B401:B402"/>
    <mergeCell ref="C401:C402"/>
    <mergeCell ref="D376:E376"/>
    <mergeCell ref="B376:B377"/>
    <mergeCell ref="C376:C377"/>
    <mergeCell ref="B389:B390"/>
    <mergeCell ref="C389:C390"/>
    <mergeCell ref="E378:E385"/>
    <mergeCell ref="E391:E398"/>
    <mergeCell ref="E403:E413"/>
    <mergeCell ref="C417:C418"/>
    <mergeCell ref="D389:E389"/>
    <mergeCell ref="B378:B380"/>
    <mergeCell ref="B381:B383"/>
    <mergeCell ref="B425:B427"/>
    <mergeCell ref="B428:B430"/>
    <mergeCell ref="B417:B418"/>
    <mergeCell ref="B311:B312"/>
    <mergeCell ref="C311:C312"/>
    <mergeCell ref="B313:B314"/>
    <mergeCell ref="B320:B323"/>
    <mergeCell ref="B345:B347"/>
    <mergeCell ref="B348:B350"/>
    <mergeCell ref="B351:B353"/>
    <mergeCell ref="D133:E133"/>
    <mergeCell ref="D153:E153"/>
    <mergeCell ref="B296:B299"/>
    <mergeCell ref="B300:B302"/>
    <mergeCell ref="B303:B305"/>
    <mergeCell ref="B272:B275"/>
    <mergeCell ref="B276:B278"/>
    <mergeCell ref="E296:E307"/>
    <mergeCell ref="D226:E226"/>
    <mergeCell ref="B179:B180"/>
    <mergeCell ref="C179:C180"/>
    <mergeCell ref="B226:B227"/>
    <mergeCell ref="C226:C227"/>
    <mergeCell ref="B211:B212"/>
    <mergeCell ref="C211:C212"/>
    <mergeCell ref="B294:B295"/>
    <mergeCell ref="C294:C295"/>
    <mergeCell ref="B283:B284"/>
    <mergeCell ref="C283:C284"/>
    <mergeCell ref="E285:E291"/>
    <mergeCell ref="B285:B286"/>
    <mergeCell ref="B287:B289"/>
    <mergeCell ref="B155:B156"/>
    <mergeCell ref="B157:B158"/>
    <mergeCell ref="B159:B160"/>
    <mergeCell ref="B161:B163"/>
    <mergeCell ref="B168:B169"/>
    <mergeCell ref="C168:C169"/>
    <mergeCell ref="B170:B171"/>
    <mergeCell ref="B172:B174"/>
    <mergeCell ref="E181:E195"/>
    <mergeCell ref="D168:E168"/>
    <mergeCell ref="E170:E176"/>
    <mergeCell ref="D179:E179"/>
    <mergeCell ref="B198:B199"/>
    <mergeCell ref="C198:C199"/>
    <mergeCell ref="B200:B201"/>
    <mergeCell ref="B202:B203"/>
    <mergeCell ref="B204:B206"/>
    <mergeCell ref="B213:B214"/>
    <mergeCell ref="B215:B216"/>
    <mergeCell ref="B66:B72"/>
    <mergeCell ref="B79:B83"/>
    <mergeCell ref="B270:B271"/>
    <mergeCell ref="C270:C271"/>
    <mergeCell ref="B217:B218"/>
    <mergeCell ref="B219:B221"/>
    <mergeCell ref="B248:B249"/>
    <mergeCell ref="B250:B252"/>
    <mergeCell ref="B228:B229"/>
    <mergeCell ref="B230:B231"/>
    <mergeCell ref="B232:B233"/>
    <mergeCell ref="B234:B235"/>
    <mergeCell ref="B236:B237"/>
    <mergeCell ref="B238:B240"/>
    <mergeCell ref="B259:B260"/>
    <mergeCell ref="B261:B262"/>
    <mergeCell ref="B263:B265"/>
    <mergeCell ref="B246:B247"/>
    <mergeCell ref="C246:C247"/>
    <mergeCell ref="B257:B258"/>
    <mergeCell ref="C257:C258"/>
    <mergeCell ref="B7:B8"/>
    <mergeCell ref="C7:C8"/>
    <mergeCell ref="B101:B102"/>
    <mergeCell ref="C101:C102"/>
    <mergeCell ref="D7:E7"/>
    <mergeCell ref="D101:E101"/>
    <mergeCell ref="E9:E18"/>
    <mergeCell ref="B22:B23"/>
    <mergeCell ref="C22:C23"/>
    <mergeCell ref="D22:E22"/>
    <mergeCell ref="E24:E33"/>
    <mergeCell ref="B21:C21"/>
    <mergeCell ref="B24:B29"/>
    <mergeCell ref="B35:C35"/>
    <mergeCell ref="B36:B37"/>
    <mergeCell ref="C36:C37"/>
    <mergeCell ref="B56:B57"/>
    <mergeCell ref="C56:C57"/>
    <mergeCell ref="D56:E56"/>
    <mergeCell ref="B58:B59"/>
    <mergeCell ref="B63:C63"/>
    <mergeCell ref="B64:B65"/>
    <mergeCell ref="C64:C65"/>
    <mergeCell ref="D36:E36"/>
    <mergeCell ref="E38:E53"/>
    <mergeCell ref="B47:B49"/>
    <mergeCell ref="B89:B90"/>
    <mergeCell ref="B91:B93"/>
    <mergeCell ref="E58:E61"/>
    <mergeCell ref="B153:B154"/>
    <mergeCell ref="C153:C154"/>
    <mergeCell ref="D112:E112"/>
    <mergeCell ref="B38:B43"/>
    <mergeCell ref="B139:B143"/>
    <mergeCell ref="E135:E149"/>
    <mergeCell ref="B144:B147"/>
    <mergeCell ref="B112:B113"/>
    <mergeCell ref="C112:C113"/>
    <mergeCell ref="B133:B134"/>
    <mergeCell ref="C133:C134"/>
    <mergeCell ref="E103:E109"/>
    <mergeCell ref="B103:B107"/>
    <mergeCell ref="E114:E130"/>
    <mergeCell ref="B114:B118"/>
    <mergeCell ref="B119:B123"/>
    <mergeCell ref="B135:B138"/>
    <mergeCell ref="D64:E64"/>
    <mergeCell ref="E66:E97"/>
  </mergeCells>
  <phoneticPr fontId="6"/>
  <pageMargins left="0.78740157480314965" right="0.59055118110236227" top="0.78740157480314965" bottom="0.78740157480314965" header="0.51181102362204722" footer="0.51181102362204722"/>
  <pageSetup paperSize="9" fitToHeight="0" orientation="portrait" r:id="rId1"/>
  <headerFooter alignWithMargins="0"/>
  <rowBreaks count="10" manualBreakCount="10">
    <brk id="33" min="1" max="4" man="1"/>
    <brk id="61" min="1" max="4" man="1"/>
    <brk id="109" min="1" max="4" man="1"/>
    <brk id="149" min="1" max="4" man="1"/>
    <brk id="195" min="1" max="4" man="1"/>
    <brk id="242" min="1" max="4" man="1"/>
    <brk id="291" min="1" max="4" man="1"/>
    <brk id="340" min="1" max="4" man="1"/>
    <brk id="385" min="1" max="4" man="1"/>
    <brk id="432" min="1" max="4"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B2:D110"/>
  <sheetViews>
    <sheetView showGridLines="0" view="pageBreakPreview" zoomScaleNormal="100" zoomScaleSheetLayoutView="100" workbookViewId="0">
      <selection activeCell="C13" sqref="C13"/>
    </sheetView>
  </sheetViews>
  <sheetFormatPr defaultColWidth="9" defaultRowHeight="13.2"/>
  <cols>
    <col min="1" max="1" width="0.77734375" style="49" customWidth="1"/>
    <col min="2" max="2" width="20" style="49" bestFit="1" customWidth="1"/>
    <col min="3" max="3" width="66.33203125" style="49" customWidth="1"/>
    <col min="4" max="16384" width="9" style="49"/>
  </cols>
  <sheetData>
    <row r="2" spans="2:4" ht="17.25" customHeight="1">
      <c r="B2" s="72" t="s">
        <v>1076</v>
      </c>
      <c r="C2" s="72"/>
    </row>
    <row r="3" spans="2:4" ht="13.5" customHeight="1">
      <c r="B3" s="73" t="s">
        <v>905</v>
      </c>
    </row>
    <row r="4" spans="2:4">
      <c r="B4" s="13" t="s">
        <v>661</v>
      </c>
      <c r="C4" s="74"/>
    </row>
    <row r="5" spans="2:4" ht="13.5" customHeight="1">
      <c r="B5" s="250" t="s">
        <v>213</v>
      </c>
      <c r="C5" s="250" t="s">
        <v>214</v>
      </c>
    </row>
    <row r="6" spans="2:4">
      <c r="B6" s="251"/>
      <c r="C6" s="251"/>
    </row>
    <row r="7" spans="2:4" s="68" customFormat="1">
      <c r="B7" s="285" t="s">
        <v>906</v>
      </c>
      <c r="C7" s="75" t="s">
        <v>907</v>
      </c>
    </row>
    <row r="8" spans="2:4" s="68" customFormat="1" ht="30" customHeight="1">
      <c r="B8" s="286"/>
      <c r="C8" s="76" t="s">
        <v>1479</v>
      </c>
    </row>
    <row r="9" spans="2:4" s="68" customFormat="1" ht="30" customHeight="1">
      <c r="B9" s="286"/>
      <c r="C9" s="76" t="s">
        <v>1480</v>
      </c>
    </row>
    <row r="10" spans="2:4" s="68" customFormat="1" ht="30" customHeight="1">
      <c r="B10" s="286"/>
      <c r="C10" s="76" t="s">
        <v>1481</v>
      </c>
    </row>
    <row r="11" spans="2:4" s="68" customFormat="1" ht="21" customHeight="1">
      <c r="B11" s="286"/>
      <c r="C11" s="76" t="s">
        <v>1482</v>
      </c>
    </row>
    <row r="12" spans="2:4" s="68" customFormat="1" ht="13.5" customHeight="1">
      <c r="B12" s="286"/>
      <c r="C12" s="77" t="s">
        <v>1469</v>
      </c>
      <c r="D12" s="78"/>
    </row>
    <row r="13" spans="2:4" s="68" customFormat="1" ht="13.5" customHeight="1">
      <c r="B13" s="286"/>
      <c r="C13" s="77" t="s">
        <v>1470</v>
      </c>
      <c r="D13" s="78"/>
    </row>
    <row r="14" spans="2:4" s="68" customFormat="1" ht="13.5" customHeight="1">
      <c r="B14" s="287"/>
      <c r="C14" s="77"/>
      <c r="D14" s="78"/>
    </row>
    <row r="15" spans="2:4" s="68" customFormat="1">
      <c r="B15" s="79"/>
      <c r="C15" s="80"/>
    </row>
    <row r="16" spans="2:4" s="68" customFormat="1">
      <c r="B16" s="81"/>
      <c r="C16" s="82"/>
    </row>
    <row r="17" spans="2:3" s="68" customFormat="1">
      <c r="B17" s="83"/>
      <c r="C17" s="84"/>
    </row>
    <row r="18" spans="2:3" s="68" customFormat="1">
      <c r="B18" s="243" t="s">
        <v>1384</v>
      </c>
      <c r="C18" s="243"/>
    </row>
    <row r="19" spans="2:3" s="68" customFormat="1">
      <c r="B19" s="250" t="s">
        <v>213</v>
      </c>
      <c r="C19" s="250" t="s">
        <v>214</v>
      </c>
    </row>
    <row r="20" spans="2:3" s="68" customFormat="1">
      <c r="B20" s="251"/>
      <c r="C20" s="251"/>
    </row>
    <row r="21" spans="2:3" s="68" customFormat="1">
      <c r="B21" s="85" t="s">
        <v>1051</v>
      </c>
      <c r="C21" s="85" t="s">
        <v>840</v>
      </c>
    </row>
    <row r="22" spans="2:3" s="68" customFormat="1">
      <c r="B22" s="86" t="s">
        <v>616</v>
      </c>
      <c r="C22" s="86" t="s">
        <v>617</v>
      </c>
    </row>
    <row r="23" spans="2:3" s="68" customFormat="1">
      <c r="B23" s="252" t="s">
        <v>1034</v>
      </c>
      <c r="C23" s="86" t="s">
        <v>1035</v>
      </c>
    </row>
    <row r="24" spans="2:3" s="68" customFormat="1">
      <c r="B24" s="252"/>
      <c r="C24" s="86" t="s">
        <v>1385</v>
      </c>
    </row>
    <row r="25" spans="2:3" s="68" customFormat="1">
      <c r="B25" s="252"/>
      <c r="C25" s="86" t="s">
        <v>1386</v>
      </c>
    </row>
    <row r="26" spans="2:3" s="68" customFormat="1">
      <c r="B26" s="252"/>
      <c r="C26" s="86" t="s">
        <v>1387</v>
      </c>
    </row>
    <row r="27" spans="2:3" s="68" customFormat="1">
      <c r="B27" s="252" t="s">
        <v>618</v>
      </c>
      <c r="C27" s="86" t="s">
        <v>619</v>
      </c>
    </row>
    <row r="28" spans="2:3" s="68" customFormat="1">
      <c r="B28" s="252"/>
      <c r="C28" s="86" t="s">
        <v>1036</v>
      </c>
    </row>
    <row r="29" spans="2:3" s="68" customFormat="1">
      <c r="B29" s="252" t="s">
        <v>622</v>
      </c>
      <c r="C29" s="86" t="s">
        <v>623</v>
      </c>
    </row>
    <row r="30" spans="2:3" s="68" customFormat="1">
      <c r="B30" s="252"/>
      <c r="C30" s="86" t="s">
        <v>1483</v>
      </c>
    </row>
    <row r="31" spans="2:3" s="68" customFormat="1">
      <c r="B31" s="252" t="s">
        <v>624</v>
      </c>
      <c r="C31" s="86" t="s">
        <v>834</v>
      </c>
    </row>
    <row r="32" spans="2:3" s="68" customFormat="1">
      <c r="B32" s="252"/>
      <c r="C32" s="86" t="s">
        <v>625</v>
      </c>
    </row>
    <row r="33" spans="2:3" s="68" customFormat="1">
      <c r="B33" s="252"/>
      <c r="C33" s="86" t="s">
        <v>1484</v>
      </c>
    </row>
    <row r="34" spans="2:3" s="68" customFormat="1">
      <c r="B34" s="252"/>
      <c r="C34" s="86" t="s">
        <v>1388</v>
      </c>
    </row>
    <row r="35" spans="2:3" s="68" customFormat="1">
      <c r="B35" s="252" t="s">
        <v>626</v>
      </c>
      <c r="C35" s="86" t="s">
        <v>1037</v>
      </c>
    </row>
    <row r="36" spans="2:3" s="68" customFormat="1">
      <c r="B36" s="252"/>
      <c r="C36" s="86" t="s">
        <v>625</v>
      </c>
    </row>
    <row r="37" spans="2:3" s="68" customFormat="1">
      <c r="B37" s="252"/>
      <c r="C37" s="86" t="s">
        <v>627</v>
      </c>
    </row>
    <row r="38" spans="2:3" s="68" customFormat="1">
      <c r="B38" s="252" t="s">
        <v>628</v>
      </c>
      <c r="C38" s="86" t="s">
        <v>1038</v>
      </c>
    </row>
    <row r="39" spans="2:3" s="68" customFormat="1">
      <c r="B39" s="252"/>
      <c r="C39" s="86" t="s">
        <v>625</v>
      </c>
    </row>
    <row r="40" spans="2:3" s="68" customFormat="1">
      <c r="B40" s="252"/>
      <c r="C40" s="86" t="s">
        <v>629</v>
      </c>
    </row>
    <row r="41" spans="2:3" s="68" customFormat="1">
      <c r="B41" s="252"/>
      <c r="C41" s="86" t="s">
        <v>1039</v>
      </c>
    </row>
    <row r="42" spans="2:3" s="68" customFormat="1">
      <c r="B42" s="252" t="s">
        <v>630</v>
      </c>
      <c r="C42" s="86" t="s">
        <v>1485</v>
      </c>
    </row>
    <row r="43" spans="2:3" s="68" customFormat="1">
      <c r="B43" s="252"/>
      <c r="C43" s="86" t="s">
        <v>625</v>
      </c>
    </row>
    <row r="44" spans="2:3" s="68" customFormat="1">
      <c r="B44" s="252"/>
      <c r="C44" s="86" t="s">
        <v>631</v>
      </c>
    </row>
    <row r="45" spans="2:3" s="68" customFormat="1">
      <c r="B45" s="252"/>
      <c r="C45" s="86" t="s">
        <v>632</v>
      </c>
    </row>
    <row r="46" spans="2:3" s="68" customFormat="1">
      <c r="B46" s="252" t="s">
        <v>633</v>
      </c>
      <c r="C46" s="77" t="s">
        <v>634</v>
      </c>
    </row>
    <row r="47" spans="2:3" s="68" customFormat="1">
      <c r="B47" s="252"/>
      <c r="C47" s="77" t="s">
        <v>635</v>
      </c>
    </row>
    <row r="48" spans="2:3" s="68" customFormat="1">
      <c r="B48" s="252"/>
      <c r="C48" s="77" t="s">
        <v>636</v>
      </c>
    </row>
    <row r="49" spans="2:3" s="68" customFormat="1">
      <c r="B49" s="252"/>
      <c r="C49" s="77" t="s">
        <v>637</v>
      </c>
    </row>
    <row r="50" spans="2:3" s="68" customFormat="1">
      <c r="B50" s="87"/>
      <c r="C50" s="86"/>
    </row>
    <row r="51" spans="2:3" s="68" customFormat="1">
      <c r="B51" s="88"/>
      <c r="C51" s="88"/>
    </row>
    <row r="52" spans="2:3" s="68" customFormat="1" ht="13.5" customHeight="1">
      <c r="B52" s="299" t="s">
        <v>1486</v>
      </c>
      <c r="C52" s="299"/>
    </row>
    <row r="53" spans="2:3" s="68" customFormat="1" ht="13.5" customHeight="1">
      <c r="B53" s="300" t="s">
        <v>1487</v>
      </c>
      <c r="C53" s="300"/>
    </row>
    <row r="54" spans="2:3" s="68" customFormat="1" ht="13.5" customHeight="1">
      <c r="B54" s="89"/>
      <c r="C54" s="89"/>
    </row>
    <row r="55" spans="2:3" s="68" customFormat="1" ht="13.5" customHeight="1">
      <c r="B55" s="89"/>
      <c r="C55" s="89"/>
    </row>
    <row r="56" spans="2:3" s="68" customFormat="1">
      <c r="B56" s="73" t="s">
        <v>908</v>
      </c>
      <c r="C56" s="49"/>
    </row>
    <row r="57" spans="2:3" s="68" customFormat="1">
      <c r="B57" s="243" t="s">
        <v>1311</v>
      </c>
      <c r="C57" s="243"/>
    </row>
    <row r="58" spans="2:3" s="68" customFormat="1">
      <c r="B58" s="250" t="s">
        <v>213</v>
      </c>
      <c r="C58" s="250" t="s">
        <v>214</v>
      </c>
    </row>
    <row r="59" spans="2:3" s="68" customFormat="1">
      <c r="B59" s="251"/>
      <c r="C59" s="251"/>
    </row>
    <row r="60" spans="2:3" s="68" customFormat="1" ht="30" customHeight="1">
      <c r="B60" s="90" t="s">
        <v>1070</v>
      </c>
      <c r="C60" s="85" t="s">
        <v>1488</v>
      </c>
    </row>
    <row r="61" spans="2:3" s="68" customFormat="1">
      <c r="B61" s="76" t="s">
        <v>638</v>
      </c>
      <c r="C61" s="76" t="s">
        <v>910</v>
      </c>
    </row>
    <row r="62" spans="2:3" s="68" customFormat="1">
      <c r="B62" s="79"/>
      <c r="C62" s="80"/>
    </row>
    <row r="63" spans="2:3" s="68" customFormat="1">
      <c r="B63" s="79"/>
      <c r="C63" s="80"/>
    </row>
    <row r="64" spans="2:3" s="68" customFormat="1">
      <c r="B64" s="81"/>
      <c r="C64" s="82"/>
    </row>
    <row r="65" spans="2:3" s="68" customFormat="1">
      <c r="B65" s="83"/>
      <c r="C65" s="84"/>
    </row>
    <row r="66" spans="2:3" s="68" customFormat="1">
      <c r="B66" s="243" t="s">
        <v>1373</v>
      </c>
      <c r="C66" s="243"/>
    </row>
    <row r="67" spans="2:3" s="68" customFormat="1">
      <c r="B67" s="250" t="s">
        <v>213</v>
      </c>
      <c r="C67" s="250" t="s">
        <v>214</v>
      </c>
    </row>
    <row r="68" spans="2:3" s="68" customFormat="1">
      <c r="B68" s="251"/>
      <c r="C68" s="251"/>
    </row>
    <row r="69" spans="2:3" s="68" customFormat="1">
      <c r="B69" s="280" t="s">
        <v>928</v>
      </c>
      <c r="C69" s="75" t="s">
        <v>1460</v>
      </c>
    </row>
    <row r="70" spans="2:3" s="68" customFormat="1">
      <c r="B70" s="252"/>
      <c r="C70" s="86" t="s">
        <v>911</v>
      </c>
    </row>
    <row r="71" spans="2:3" s="68" customFormat="1">
      <c r="B71" s="252"/>
      <c r="C71" s="86" t="s">
        <v>912</v>
      </c>
    </row>
    <row r="72" spans="2:3" s="68" customFormat="1">
      <c r="B72" s="252"/>
      <c r="C72" s="86" t="s">
        <v>913</v>
      </c>
    </row>
    <row r="73" spans="2:3" s="68" customFormat="1" ht="30" customHeight="1">
      <c r="B73" s="252"/>
      <c r="C73" s="86" t="s">
        <v>914</v>
      </c>
    </row>
    <row r="74" spans="2:3" s="68" customFormat="1" ht="30" customHeight="1">
      <c r="B74" s="252"/>
      <c r="C74" s="86" t="s">
        <v>915</v>
      </c>
    </row>
    <row r="75" spans="2:3" s="68" customFormat="1">
      <c r="B75" s="76"/>
      <c r="C75" s="76"/>
    </row>
    <row r="76" spans="2:3" s="68" customFormat="1">
      <c r="B76" s="79"/>
      <c r="C76" s="80"/>
    </row>
    <row r="77" spans="2:3" s="68" customFormat="1">
      <c r="B77" s="79"/>
      <c r="C77" s="80"/>
    </row>
    <row r="78" spans="2:3" s="68" customFormat="1">
      <c r="B78" s="81"/>
      <c r="C78" s="82"/>
    </row>
    <row r="79" spans="2:3" s="68" customFormat="1">
      <c r="B79" s="83"/>
      <c r="C79" s="84"/>
    </row>
    <row r="80" spans="2:3" s="68" customFormat="1">
      <c r="B80" s="243" t="s">
        <v>1389</v>
      </c>
      <c r="C80" s="243"/>
    </row>
    <row r="81" spans="2:3" s="68" customFormat="1">
      <c r="B81" s="250" t="s">
        <v>213</v>
      </c>
      <c r="C81" s="250" t="s">
        <v>214</v>
      </c>
    </row>
    <row r="82" spans="2:3" s="68" customFormat="1">
      <c r="B82" s="251"/>
      <c r="C82" s="251"/>
    </row>
    <row r="83" spans="2:3" s="68" customFormat="1" ht="45" customHeight="1">
      <c r="B83" s="280" t="s">
        <v>930</v>
      </c>
      <c r="C83" s="85" t="s">
        <v>1042</v>
      </c>
    </row>
    <row r="84" spans="2:3" s="68" customFormat="1" ht="30" customHeight="1">
      <c r="B84" s="252"/>
      <c r="C84" s="86" t="s">
        <v>1043</v>
      </c>
    </row>
    <row r="85" spans="2:3" s="68" customFormat="1" ht="30" customHeight="1">
      <c r="B85" s="252"/>
      <c r="C85" s="86" t="s">
        <v>1044</v>
      </c>
    </row>
    <row r="86" spans="2:3" s="68" customFormat="1">
      <c r="B86" s="252"/>
      <c r="C86" s="86" t="s">
        <v>1045</v>
      </c>
    </row>
    <row r="87" spans="2:3" s="68" customFormat="1" ht="30" customHeight="1">
      <c r="B87" s="252"/>
      <c r="C87" s="86" t="s">
        <v>1046</v>
      </c>
    </row>
    <row r="88" spans="2:3" s="68" customFormat="1">
      <c r="B88" s="252"/>
      <c r="C88" s="86" t="s">
        <v>1047</v>
      </c>
    </row>
    <row r="89" spans="2:3" s="68" customFormat="1">
      <c r="B89" s="91" t="s">
        <v>948</v>
      </c>
      <c r="C89" s="80" t="s">
        <v>26</v>
      </c>
    </row>
    <row r="90" spans="2:3" s="68" customFormat="1" ht="19.2">
      <c r="B90" s="86" t="s">
        <v>966</v>
      </c>
      <c r="C90" s="86" t="s">
        <v>1048</v>
      </c>
    </row>
    <row r="91" spans="2:3" s="68" customFormat="1">
      <c r="B91" s="80"/>
      <c r="C91" s="80"/>
    </row>
    <row r="92" spans="2:3" s="68" customFormat="1">
      <c r="B92" s="80"/>
      <c r="C92" s="80"/>
    </row>
    <row r="93" spans="2:3" s="68" customFormat="1">
      <c r="B93" s="82"/>
      <c r="C93" s="82"/>
    </row>
    <row r="94" spans="2:3">
      <c r="B94" s="13" t="s">
        <v>1390</v>
      </c>
      <c r="C94" s="14"/>
    </row>
    <row r="95" spans="2:3">
      <c r="B95" s="13" t="s">
        <v>1049</v>
      </c>
      <c r="C95" s="14"/>
    </row>
    <row r="96" spans="2:3" ht="13.5" customHeight="1">
      <c r="B96" s="250" t="s">
        <v>213</v>
      </c>
      <c r="C96" s="250" t="s">
        <v>214</v>
      </c>
    </row>
    <row r="97" spans="2:3">
      <c r="B97" s="251"/>
      <c r="C97" s="251"/>
    </row>
    <row r="98" spans="2:3" s="93" customFormat="1">
      <c r="B98" s="92" t="s">
        <v>536</v>
      </c>
      <c r="C98" s="85" t="s">
        <v>1050</v>
      </c>
    </row>
    <row r="99" spans="2:3">
      <c r="B99" s="80"/>
      <c r="C99" s="80"/>
    </row>
    <row r="100" spans="2:3">
      <c r="B100" s="81"/>
      <c r="C100" s="82"/>
    </row>
    <row r="101" spans="2:3" s="68" customFormat="1">
      <c r="B101" s="94"/>
      <c r="C101" s="95"/>
    </row>
    <row r="102" spans="2:3" s="96" customFormat="1">
      <c r="B102" s="243" t="s">
        <v>1391</v>
      </c>
      <c r="C102" s="243"/>
    </row>
    <row r="103" spans="2:3" ht="13.5" customHeight="1">
      <c r="B103" s="250" t="s">
        <v>213</v>
      </c>
      <c r="C103" s="250" t="s">
        <v>214</v>
      </c>
    </row>
    <row r="104" spans="2:3">
      <c r="B104" s="251"/>
      <c r="C104" s="251"/>
    </row>
    <row r="105" spans="2:3" s="68" customFormat="1">
      <c r="B105" s="280" t="s">
        <v>1032</v>
      </c>
      <c r="C105" s="85" t="s">
        <v>1033</v>
      </c>
    </row>
    <row r="106" spans="2:3" s="68" customFormat="1">
      <c r="B106" s="252"/>
      <c r="C106" s="70" t="s">
        <v>27</v>
      </c>
    </row>
    <row r="107" spans="2:3" s="68" customFormat="1" ht="23.25" customHeight="1">
      <c r="B107" s="70" t="s">
        <v>28</v>
      </c>
      <c r="C107" s="70" t="s">
        <v>1031</v>
      </c>
    </row>
    <row r="108" spans="2:3" s="68" customFormat="1" ht="23.25" customHeight="1">
      <c r="B108" s="70" t="s">
        <v>29</v>
      </c>
      <c r="C108" s="70" t="s">
        <v>30</v>
      </c>
    </row>
    <row r="109" spans="2:3">
      <c r="B109" s="11"/>
      <c r="C109" s="11"/>
    </row>
    <row r="110" spans="2:3">
      <c r="B110" s="15"/>
      <c r="C110" s="15"/>
    </row>
  </sheetData>
  <mergeCells count="33">
    <mergeCell ref="B5:B6"/>
    <mergeCell ref="C5:C6"/>
    <mergeCell ref="B57:C57"/>
    <mergeCell ref="B18:C18"/>
    <mergeCell ref="B52:C52"/>
    <mergeCell ref="B53:C53"/>
    <mergeCell ref="B23:B26"/>
    <mergeCell ref="B27:B28"/>
    <mergeCell ref="B29:B30"/>
    <mergeCell ref="B38:B41"/>
    <mergeCell ref="B42:B45"/>
    <mergeCell ref="B7:B14"/>
    <mergeCell ref="B103:B104"/>
    <mergeCell ref="B66:C66"/>
    <mergeCell ref="B46:B49"/>
    <mergeCell ref="C58:C59"/>
    <mergeCell ref="C103:C104"/>
    <mergeCell ref="B105:B106"/>
    <mergeCell ref="B19:B20"/>
    <mergeCell ref="C19:C20"/>
    <mergeCell ref="B102:C102"/>
    <mergeCell ref="B81:B82"/>
    <mergeCell ref="C81:C82"/>
    <mergeCell ref="B83:B88"/>
    <mergeCell ref="B96:B97"/>
    <mergeCell ref="C96:C97"/>
    <mergeCell ref="B80:C80"/>
    <mergeCell ref="B67:B68"/>
    <mergeCell ref="C67:C68"/>
    <mergeCell ref="B69:B74"/>
    <mergeCell ref="B58:B59"/>
    <mergeCell ref="B31:B34"/>
    <mergeCell ref="B35:B37"/>
  </mergeCells>
  <phoneticPr fontId="6"/>
  <pageMargins left="0.78740157480314965" right="0.59055118110236227" top="0.78740157480314965" bottom="0.78740157480314965" header="0.51181102362204722" footer="0.51181102362204722"/>
  <pageSetup paperSize="9" fitToHeight="0" orientation="portrait" r:id="rId1"/>
  <headerFooter alignWithMargins="0"/>
  <rowBreaks count="2" manualBreakCount="2">
    <brk id="54" min="1" max="2" man="1"/>
    <brk id="93" min="1" max="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G69"/>
  <sheetViews>
    <sheetView view="pageBreakPreview" zoomScale="115" zoomScaleNormal="100" zoomScaleSheetLayoutView="115" workbookViewId="0">
      <selection activeCell="B8" sqref="B8"/>
    </sheetView>
  </sheetViews>
  <sheetFormatPr defaultColWidth="9" defaultRowHeight="13.2"/>
  <cols>
    <col min="1" max="1" width="20" style="49" bestFit="1" customWidth="1"/>
    <col min="2" max="2" width="51.109375" style="49" customWidth="1"/>
    <col min="3" max="5" width="4.6640625" style="49" customWidth="1"/>
    <col min="6" max="6" width="3.88671875" style="49" customWidth="1"/>
    <col min="7" max="7" width="3.44140625" style="49" bestFit="1" customWidth="1"/>
    <col min="8" max="16384" width="9" style="49"/>
  </cols>
  <sheetData>
    <row r="1" spans="1:6" ht="20.25" customHeight="1">
      <c r="A1" s="48" t="s">
        <v>1419</v>
      </c>
      <c r="B1" s="14"/>
      <c r="C1" s="14"/>
      <c r="D1" s="14"/>
      <c r="E1" s="14"/>
      <c r="F1" s="14"/>
    </row>
    <row r="2" spans="1:6" ht="15" customHeight="1">
      <c r="A2" s="307" t="s">
        <v>1423</v>
      </c>
      <c r="B2" s="307"/>
      <c r="C2" s="14"/>
      <c r="D2" s="14"/>
      <c r="E2" s="14"/>
      <c r="F2" s="14"/>
    </row>
    <row r="3" spans="1:6" ht="15" customHeight="1">
      <c r="A3" s="307" t="s">
        <v>1424</v>
      </c>
      <c r="B3" s="308"/>
      <c r="C3" s="14"/>
      <c r="D3" s="14"/>
      <c r="E3" s="14"/>
      <c r="F3" s="14"/>
    </row>
    <row r="4" spans="1:6" ht="15" customHeight="1">
      <c r="A4" s="307" t="s">
        <v>1425</v>
      </c>
      <c r="B4" s="307"/>
      <c r="C4" s="14"/>
      <c r="D4" s="14"/>
      <c r="E4" s="14"/>
      <c r="F4" s="14"/>
    </row>
    <row r="5" spans="1:6" ht="20.25" customHeight="1">
      <c r="A5" s="243" t="s">
        <v>1417</v>
      </c>
      <c r="B5" s="243"/>
      <c r="C5" s="14"/>
      <c r="D5" s="14"/>
      <c r="E5" s="14"/>
      <c r="F5" s="14"/>
    </row>
    <row r="6" spans="1:6" ht="20.25" customHeight="1">
      <c r="A6" s="250" t="s">
        <v>1426</v>
      </c>
      <c r="B6" s="250" t="s">
        <v>214</v>
      </c>
      <c r="C6" s="304" t="s">
        <v>1392</v>
      </c>
      <c r="D6" s="305"/>
      <c r="E6" s="305"/>
      <c r="F6" s="306"/>
    </row>
    <row r="7" spans="1:6" ht="20.25" customHeight="1">
      <c r="A7" s="251"/>
      <c r="B7" s="251"/>
      <c r="C7" s="25" t="s">
        <v>120</v>
      </c>
      <c r="D7" s="25" t="s">
        <v>121</v>
      </c>
      <c r="E7" s="25" t="s">
        <v>1040</v>
      </c>
      <c r="F7" s="25" t="s">
        <v>1427</v>
      </c>
    </row>
    <row r="8" spans="1:6" ht="86.4">
      <c r="A8" s="50" t="s">
        <v>1101</v>
      </c>
      <c r="B8" s="12" t="s">
        <v>1461</v>
      </c>
      <c r="C8" s="24"/>
      <c r="D8" s="21"/>
      <c r="E8" s="21"/>
      <c r="F8" s="301"/>
    </row>
    <row r="9" spans="1:6" ht="20.25" customHeight="1">
      <c r="A9" s="50" t="s">
        <v>1429</v>
      </c>
      <c r="B9" s="12" t="s">
        <v>1430</v>
      </c>
      <c r="C9" s="24"/>
      <c r="D9" s="21"/>
      <c r="E9" s="21"/>
      <c r="F9" s="302"/>
    </row>
    <row r="10" spans="1:6" ht="20.25" customHeight="1">
      <c r="A10" s="50" t="s">
        <v>1431</v>
      </c>
      <c r="B10" s="12" t="s">
        <v>1432</v>
      </c>
      <c r="C10" s="24"/>
      <c r="D10" s="21"/>
      <c r="E10" s="21"/>
      <c r="F10" s="302"/>
    </row>
    <row r="11" spans="1:6" ht="20.25" customHeight="1">
      <c r="A11" s="50" t="s">
        <v>1433</v>
      </c>
      <c r="B11" s="12" t="s">
        <v>1434</v>
      </c>
      <c r="C11" s="24"/>
      <c r="D11" s="21"/>
      <c r="E11" s="21"/>
      <c r="F11" s="302"/>
    </row>
    <row r="12" spans="1:6" ht="20.25" customHeight="1">
      <c r="A12" s="50" t="s">
        <v>1435</v>
      </c>
      <c r="B12" s="12" t="s">
        <v>1436</v>
      </c>
      <c r="C12" s="24"/>
      <c r="D12" s="21"/>
      <c r="E12" s="21"/>
      <c r="F12" s="302"/>
    </row>
    <row r="13" spans="1:6" ht="20.25" customHeight="1">
      <c r="A13" s="50" t="s">
        <v>1437</v>
      </c>
      <c r="B13" s="12" t="s">
        <v>1438</v>
      </c>
      <c r="C13" s="24"/>
      <c r="D13" s="21"/>
      <c r="E13" s="21"/>
      <c r="F13" s="302"/>
    </row>
    <row r="14" spans="1:6" ht="20.25" customHeight="1">
      <c r="A14" s="50" t="s">
        <v>1439</v>
      </c>
      <c r="B14" s="12" t="s">
        <v>1440</v>
      </c>
      <c r="C14" s="24"/>
      <c r="D14" s="21"/>
      <c r="E14" s="21"/>
      <c r="F14" s="302"/>
    </row>
    <row r="15" spans="1:6" ht="20.25" hidden="1" customHeight="1">
      <c r="A15" s="51" t="s">
        <v>1441</v>
      </c>
      <c r="B15" s="52" t="s">
        <v>1442</v>
      </c>
      <c r="C15" s="21"/>
      <c r="D15" s="21"/>
      <c r="E15" s="21"/>
      <c r="F15" s="302"/>
    </row>
    <row r="16" spans="1:6" ht="20.25" hidden="1" customHeight="1">
      <c r="A16" s="53"/>
      <c r="B16" s="54" t="s">
        <v>1393</v>
      </c>
      <c r="C16" s="22"/>
      <c r="D16" s="26"/>
      <c r="E16" s="26"/>
      <c r="F16" s="302"/>
    </row>
    <row r="17" spans="1:6" ht="20.25" hidden="1" customHeight="1">
      <c r="A17" s="55"/>
      <c r="B17" s="56" t="s">
        <v>1394</v>
      </c>
      <c r="C17" s="23"/>
      <c r="D17" s="27"/>
      <c r="E17" s="27"/>
      <c r="F17" s="302"/>
    </row>
    <row r="18" spans="1:6" ht="20.25" hidden="1" customHeight="1">
      <c r="A18" s="57"/>
      <c r="B18" s="58" t="s">
        <v>1395</v>
      </c>
      <c r="C18" s="15"/>
      <c r="D18" s="28"/>
      <c r="E18" s="28"/>
      <c r="F18" s="302"/>
    </row>
    <row r="19" spans="1:6" ht="20.25" customHeight="1">
      <c r="A19" s="50" t="s">
        <v>1443</v>
      </c>
      <c r="B19" s="12" t="s">
        <v>1462</v>
      </c>
      <c r="C19" s="33"/>
      <c r="D19" s="21"/>
      <c r="E19" s="21"/>
      <c r="F19" s="302"/>
    </row>
    <row r="20" spans="1:6" ht="20.25" hidden="1" customHeight="1">
      <c r="A20" s="53"/>
      <c r="B20" s="54" t="s">
        <v>1444</v>
      </c>
      <c r="C20" s="34"/>
      <c r="D20" s="26"/>
      <c r="E20" s="26"/>
      <c r="F20" s="302"/>
    </row>
    <row r="21" spans="1:6" ht="20.25" hidden="1" customHeight="1">
      <c r="A21" s="53"/>
      <c r="B21" s="54" t="s">
        <v>1445</v>
      </c>
      <c r="C21" s="34"/>
      <c r="D21" s="26"/>
      <c r="E21" s="26"/>
      <c r="F21" s="302"/>
    </row>
    <row r="22" spans="1:6" ht="20.25" hidden="1" customHeight="1">
      <c r="A22" s="53"/>
      <c r="B22" s="54" t="s">
        <v>1446</v>
      </c>
      <c r="C22" s="34"/>
      <c r="D22" s="26"/>
      <c r="E22" s="26"/>
      <c r="F22" s="302"/>
    </row>
    <row r="23" spans="1:6" ht="20.25" hidden="1" customHeight="1">
      <c r="A23" s="53"/>
      <c r="B23" s="54" t="s">
        <v>1396</v>
      </c>
      <c r="C23" s="35"/>
      <c r="D23" s="29"/>
      <c r="E23" s="29"/>
      <c r="F23" s="302"/>
    </row>
    <row r="24" spans="1:6" ht="20.25" hidden="1" customHeight="1">
      <c r="A24" s="57"/>
      <c r="B24" s="59" t="s">
        <v>1476</v>
      </c>
      <c r="C24" s="36"/>
      <c r="D24" s="28"/>
      <c r="E24" s="28"/>
      <c r="F24" s="302"/>
    </row>
    <row r="25" spans="1:6" ht="20.25" customHeight="1">
      <c r="A25" s="50" t="s">
        <v>1397</v>
      </c>
      <c r="B25" s="12" t="s">
        <v>1398</v>
      </c>
      <c r="C25" s="33"/>
      <c r="D25" s="21"/>
      <c r="E25" s="21"/>
      <c r="F25" s="302"/>
    </row>
    <row r="26" spans="1:6" ht="20.25" hidden="1" customHeight="1">
      <c r="A26" s="60" t="s">
        <v>1393</v>
      </c>
      <c r="B26" s="56" t="s">
        <v>1447</v>
      </c>
      <c r="C26" s="37"/>
      <c r="D26" s="23"/>
      <c r="E26" s="27"/>
      <c r="F26" s="302"/>
    </row>
    <row r="27" spans="1:6" ht="20.25" hidden="1" customHeight="1">
      <c r="A27" s="61" t="s">
        <v>1399</v>
      </c>
      <c r="B27" s="58" t="s">
        <v>1448</v>
      </c>
      <c r="C27" s="36"/>
      <c r="D27" s="15"/>
      <c r="E27" s="28"/>
      <c r="F27" s="302"/>
    </row>
    <row r="28" spans="1:6" ht="20.25" customHeight="1">
      <c r="A28" s="50" t="s">
        <v>1400</v>
      </c>
      <c r="B28" s="12" t="s">
        <v>1398</v>
      </c>
      <c r="C28" s="33"/>
      <c r="D28" s="21"/>
      <c r="E28" s="21"/>
      <c r="F28" s="302"/>
    </row>
    <row r="29" spans="1:6" ht="20.25" hidden="1" customHeight="1">
      <c r="A29" s="57"/>
      <c r="B29" s="58" t="s">
        <v>1401</v>
      </c>
      <c r="C29" s="36"/>
      <c r="D29" s="15"/>
      <c r="E29" s="28"/>
      <c r="F29" s="302"/>
    </row>
    <row r="30" spans="1:6" ht="20.25" customHeight="1">
      <c r="A30" s="50" t="s">
        <v>1402</v>
      </c>
      <c r="B30" s="12" t="s">
        <v>1398</v>
      </c>
      <c r="C30" s="33"/>
      <c r="D30" s="21"/>
      <c r="E30" s="21"/>
      <c r="F30" s="302"/>
    </row>
    <row r="31" spans="1:6" ht="20.25" hidden="1" customHeight="1">
      <c r="A31" s="57"/>
      <c r="B31" s="58" t="s">
        <v>1403</v>
      </c>
      <c r="C31" s="36"/>
      <c r="D31" s="15"/>
      <c r="E31" s="28"/>
      <c r="F31" s="302"/>
    </row>
    <row r="32" spans="1:6" ht="20.25" customHeight="1">
      <c r="A32" s="62" t="s">
        <v>1404</v>
      </c>
      <c r="B32" s="17" t="s">
        <v>1398</v>
      </c>
      <c r="C32" s="38"/>
      <c r="D32" s="39"/>
      <c r="E32" s="39"/>
      <c r="F32" s="302"/>
    </row>
    <row r="33" spans="1:7" ht="20.25" hidden="1" customHeight="1">
      <c r="A33" s="62"/>
      <c r="B33" s="63" t="s">
        <v>1405</v>
      </c>
      <c r="C33" s="17"/>
      <c r="D33" s="17"/>
      <c r="E33" s="30"/>
      <c r="F33" s="302"/>
    </row>
    <row r="34" spans="1:7" ht="20.25" customHeight="1">
      <c r="A34" s="62" t="s">
        <v>1449</v>
      </c>
      <c r="B34" s="64" t="s">
        <v>1450</v>
      </c>
      <c r="C34" s="17"/>
      <c r="D34" s="24"/>
      <c r="E34" s="39"/>
      <c r="F34" s="302"/>
    </row>
    <row r="35" spans="1:7" ht="20.25" customHeight="1">
      <c r="A35" s="62" t="s">
        <v>1406</v>
      </c>
      <c r="B35" s="17" t="s">
        <v>1398</v>
      </c>
      <c r="C35" s="24"/>
      <c r="D35" s="24"/>
      <c r="E35" s="39"/>
      <c r="F35" s="302"/>
    </row>
    <row r="36" spans="1:7" ht="20.25" customHeight="1">
      <c r="A36" s="50" t="s">
        <v>1407</v>
      </c>
      <c r="B36" s="12" t="s">
        <v>1398</v>
      </c>
      <c r="C36" s="33"/>
      <c r="D36" s="33"/>
      <c r="E36" s="21"/>
      <c r="F36" s="302"/>
    </row>
    <row r="37" spans="1:7" ht="20.25" customHeight="1">
      <c r="A37" s="53"/>
      <c r="B37" s="65" t="s">
        <v>1451</v>
      </c>
      <c r="C37" s="40"/>
      <c r="D37" s="40"/>
      <c r="E37" s="41"/>
      <c r="F37" s="302"/>
    </row>
    <row r="38" spans="1:7" ht="20.25" customHeight="1">
      <c r="A38" s="53"/>
      <c r="B38" s="11" t="s">
        <v>1408</v>
      </c>
      <c r="C38" s="11"/>
      <c r="D38" s="11"/>
      <c r="E38" s="231"/>
      <c r="F38" s="302"/>
    </row>
    <row r="39" spans="1:7" ht="20.25" customHeight="1">
      <c r="A39" s="53"/>
      <c r="B39" s="11" t="s">
        <v>1409</v>
      </c>
      <c r="C39" s="11"/>
      <c r="D39" s="11"/>
      <c r="E39" s="231"/>
      <c r="F39" s="302"/>
    </row>
    <row r="40" spans="1:7" ht="20.25" hidden="1" customHeight="1">
      <c r="A40" s="53"/>
      <c r="B40" s="54" t="s">
        <v>1410</v>
      </c>
      <c r="C40" s="11"/>
      <c r="D40" s="11"/>
      <c r="E40" s="231"/>
      <c r="F40" s="302"/>
    </row>
    <row r="41" spans="1:7" ht="20.25" customHeight="1">
      <c r="A41" s="53"/>
      <c r="B41" s="11" t="s">
        <v>1411</v>
      </c>
      <c r="C41" s="11"/>
      <c r="D41" s="11"/>
      <c r="E41" s="231"/>
      <c r="F41" s="302"/>
    </row>
    <row r="42" spans="1:7" ht="20.25" customHeight="1">
      <c r="A42" s="57"/>
      <c r="B42" s="66" t="s">
        <v>1477</v>
      </c>
      <c r="C42" s="15"/>
      <c r="D42" s="15"/>
      <c r="E42" s="232"/>
      <c r="F42" s="302"/>
    </row>
    <row r="43" spans="1:7" ht="26.25" customHeight="1">
      <c r="A43" s="57" t="s">
        <v>1473</v>
      </c>
      <c r="B43" s="12" t="s">
        <v>1398</v>
      </c>
      <c r="C43" s="16"/>
      <c r="D43" s="16"/>
      <c r="E43" s="233"/>
      <c r="F43" s="302"/>
    </row>
    <row r="44" spans="1:7" ht="20.25" customHeight="1">
      <c r="A44" s="50" t="s">
        <v>1463</v>
      </c>
      <c r="B44" s="17" t="s">
        <v>1412</v>
      </c>
      <c r="C44" s="17"/>
      <c r="D44" s="16"/>
      <c r="E44" s="233"/>
      <c r="F44" s="302"/>
    </row>
    <row r="45" spans="1:7" ht="20.25" customHeight="1">
      <c r="A45" s="57"/>
      <c r="B45" s="17" t="s">
        <v>1478</v>
      </c>
      <c r="C45" s="17"/>
      <c r="D45" s="16"/>
      <c r="E45" s="233"/>
      <c r="F45" s="302"/>
    </row>
    <row r="46" spans="1:7" s="68" customFormat="1" ht="20.25" customHeight="1">
      <c r="A46" s="67" t="s">
        <v>1452</v>
      </c>
      <c r="B46" s="20" t="s">
        <v>1464</v>
      </c>
      <c r="C46" s="234"/>
      <c r="D46" s="20"/>
      <c r="E46" s="20"/>
      <c r="F46" s="302"/>
      <c r="G46" s="49"/>
    </row>
    <row r="47" spans="1:7" s="68" customFormat="1" ht="20.25" customHeight="1">
      <c r="A47" s="50" t="s">
        <v>1453</v>
      </c>
      <c r="B47" s="69" t="s">
        <v>1421</v>
      </c>
      <c r="C47" s="21"/>
      <c r="D47" s="21"/>
      <c r="E47" s="42"/>
      <c r="F47" s="302"/>
      <c r="G47" s="49"/>
    </row>
    <row r="48" spans="1:7" s="68" customFormat="1" ht="20.25" customHeight="1">
      <c r="A48" s="53"/>
      <c r="B48" s="22" t="s">
        <v>1465</v>
      </c>
      <c r="C48" s="231"/>
      <c r="D48" s="231"/>
      <c r="E48" s="31"/>
      <c r="F48" s="302"/>
      <c r="G48" s="49"/>
    </row>
    <row r="49" spans="1:7" s="68" customFormat="1" ht="33.75" customHeight="1">
      <c r="A49" s="53"/>
      <c r="B49" s="70" t="s">
        <v>1422</v>
      </c>
      <c r="C49" s="231"/>
      <c r="D49" s="231"/>
      <c r="E49" s="31"/>
      <c r="F49" s="302"/>
      <c r="G49" s="49"/>
    </row>
    <row r="50" spans="1:7" ht="33" customHeight="1">
      <c r="A50" s="57"/>
      <c r="B50" s="71" t="s">
        <v>979</v>
      </c>
      <c r="C50" s="232"/>
      <c r="D50" s="232"/>
      <c r="E50" s="32"/>
      <c r="F50" s="303"/>
    </row>
    <row r="51" spans="1:7" ht="20.25" customHeight="1">
      <c r="A51" s="18"/>
      <c r="B51" s="19"/>
      <c r="C51" s="19"/>
      <c r="D51" s="19"/>
      <c r="E51" s="19"/>
      <c r="F51" s="19"/>
    </row>
    <row r="52" spans="1:7" ht="20.25" customHeight="1">
      <c r="A52" s="243" t="s">
        <v>1418</v>
      </c>
      <c r="B52" s="243"/>
      <c r="C52" s="14"/>
      <c r="D52" s="14"/>
      <c r="E52" s="14"/>
      <c r="F52" s="14"/>
    </row>
    <row r="53" spans="1:7" ht="20.25" customHeight="1">
      <c r="A53" s="250" t="s">
        <v>1454</v>
      </c>
      <c r="B53" s="250" t="s">
        <v>214</v>
      </c>
      <c r="C53" s="304" t="s">
        <v>1392</v>
      </c>
      <c r="D53" s="305"/>
      <c r="E53" s="305"/>
      <c r="F53" s="306"/>
    </row>
    <row r="54" spans="1:7" ht="20.25" customHeight="1">
      <c r="A54" s="251"/>
      <c r="B54" s="251"/>
      <c r="C54" s="25" t="s">
        <v>120</v>
      </c>
      <c r="D54" s="25" t="s">
        <v>121</v>
      </c>
      <c r="E54" s="25" t="s">
        <v>1040</v>
      </c>
      <c r="F54" s="25" t="s">
        <v>1420</v>
      </c>
    </row>
    <row r="55" spans="1:7" ht="86.4">
      <c r="A55" s="50" t="s">
        <v>1101</v>
      </c>
      <c r="B55" s="12" t="s">
        <v>1428</v>
      </c>
      <c r="C55" s="24"/>
      <c r="D55" s="21"/>
      <c r="E55" s="21"/>
      <c r="F55" s="301"/>
    </row>
    <row r="56" spans="1:7" ht="20.25" customHeight="1">
      <c r="A56" s="50" t="s">
        <v>1397</v>
      </c>
      <c r="B56" s="12" t="s">
        <v>1398</v>
      </c>
      <c r="C56" s="33"/>
      <c r="D56" s="21"/>
      <c r="E56" s="21"/>
      <c r="F56" s="302"/>
    </row>
    <row r="57" spans="1:7" ht="20.25" hidden="1" customHeight="1">
      <c r="A57" s="57"/>
      <c r="B57" s="15" t="s">
        <v>1455</v>
      </c>
      <c r="C57" s="36"/>
      <c r="D57" s="15"/>
      <c r="E57" s="28"/>
      <c r="F57" s="302"/>
    </row>
    <row r="58" spans="1:7" ht="20.25" customHeight="1">
      <c r="A58" s="50" t="s">
        <v>1413</v>
      </c>
      <c r="B58" s="12" t="s">
        <v>1398</v>
      </c>
      <c r="C58" s="33"/>
      <c r="D58" s="21"/>
      <c r="E58" s="21"/>
      <c r="F58" s="302"/>
    </row>
    <row r="59" spans="1:7" ht="20.25" hidden="1" customHeight="1">
      <c r="A59" s="57"/>
      <c r="B59" s="15" t="s">
        <v>1456</v>
      </c>
      <c r="C59" s="36"/>
      <c r="D59" s="15"/>
      <c r="E59" s="28"/>
      <c r="F59" s="302"/>
    </row>
    <row r="60" spans="1:7" ht="20.25" customHeight="1">
      <c r="A60" s="50" t="s">
        <v>1414</v>
      </c>
      <c r="B60" s="12" t="s">
        <v>1398</v>
      </c>
      <c r="C60" s="33"/>
      <c r="D60" s="21"/>
      <c r="E60" s="21"/>
      <c r="F60" s="302"/>
    </row>
    <row r="61" spans="1:7" ht="20.25" hidden="1" customHeight="1">
      <c r="A61" s="57"/>
      <c r="B61" s="15" t="s">
        <v>1415</v>
      </c>
      <c r="C61" s="36"/>
      <c r="D61" s="15"/>
      <c r="E61" s="28"/>
      <c r="F61" s="302"/>
    </row>
    <row r="62" spans="1:7" ht="20.25" customHeight="1">
      <c r="A62" s="50" t="s">
        <v>1404</v>
      </c>
      <c r="B62" s="12" t="s">
        <v>1398</v>
      </c>
      <c r="C62" s="33"/>
      <c r="D62" s="21"/>
      <c r="E62" s="21"/>
      <c r="F62" s="302"/>
    </row>
    <row r="63" spans="1:7" ht="20.25" hidden="1" customHeight="1">
      <c r="A63" s="57"/>
      <c r="B63" s="15" t="s">
        <v>1416</v>
      </c>
      <c r="C63" s="15"/>
      <c r="D63" s="15"/>
      <c r="E63" s="28"/>
      <c r="F63" s="302"/>
    </row>
    <row r="64" spans="1:7" s="68" customFormat="1" ht="20.25" customHeight="1">
      <c r="A64" s="67" t="s">
        <v>1457</v>
      </c>
      <c r="B64" s="20" t="s">
        <v>1464</v>
      </c>
      <c r="C64" s="234"/>
      <c r="D64" s="20"/>
      <c r="E64" s="43"/>
      <c r="F64" s="302"/>
      <c r="G64" s="49"/>
    </row>
    <row r="65" spans="1:7" s="68" customFormat="1" ht="20.25" customHeight="1">
      <c r="A65" s="50" t="s">
        <v>1458</v>
      </c>
      <c r="B65" s="69" t="s">
        <v>1421</v>
      </c>
      <c r="C65" s="21"/>
      <c r="D65" s="21"/>
      <c r="E65" s="44"/>
      <c r="F65" s="302"/>
      <c r="G65" s="49"/>
    </row>
    <row r="66" spans="1:7" s="68" customFormat="1" ht="20.25" customHeight="1">
      <c r="A66" s="53"/>
      <c r="B66" s="22" t="s">
        <v>1466</v>
      </c>
      <c r="C66" s="231"/>
      <c r="D66" s="231"/>
      <c r="E66" s="31"/>
      <c r="F66" s="302"/>
      <c r="G66" s="49"/>
    </row>
    <row r="67" spans="1:7" s="68" customFormat="1" ht="33.75" customHeight="1">
      <c r="A67" s="53"/>
      <c r="B67" s="70" t="s">
        <v>1422</v>
      </c>
      <c r="C67" s="231"/>
      <c r="D67" s="231"/>
      <c r="E67" s="31"/>
      <c r="F67" s="302"/>
      <c r="G67" s="49"/>
    </row>
    <row r="68" spans="1:7" ht="33" customHeight="1">
      <c r="A68" s="57"/>
      <c r="B68" s="71" t="s">
        <v>1459</v>
      </c>
      <c r="C68" s="232"/>
      <c r="D68" s="232"/>
      <c r="E68" s="32"/>
      <c r="F68" s="303"/>
    </row>
    <row r="69" spans="1:7" ht="20.25" customHeight="1">
      <c r="A69" s="13"/>
      <c r="B69" s="14"/>
      <c r="C69" s="14"/>
      <c r="D69" s="14"/>
      <c r="E69" s="14"/>
      <c r="F69" s="14"/>
    </row>
  </sheetData>
  <mergeCells count="13">
    <mergeCell ref="A2:B2"/>
    <mergeCell ref="A3:B3"/>
    <mergeCell ref="A4:B4"/>
    <mergeCell ref="A5:B5"/>
    <mergeCell ref="A6:A7"/>
    <mergeCell ref="B6:B7"/>
    <mergeCell ref="F55:F68"/>
    <mergeCell ref="F8:F50"/>
    <mergeCell ref="C6:F6"/>
    <mergeCell ref="A52:B52"/>
    <mergeCell ref="A53:A54"/>
    <mergeCell ref="B53:B54"/>
    <mergeCell ref="C53:F53"/>
  </mergeCells>
  <phoneticPr fontId="6"/>
  <dataValidations count="1">
    <dataValidation type="list" allowBlank="1" showInputMessage="1" showErrorMessage="1" sqref="C16:E18 C20:E24 C26:E27 C29:E29 C31:E31 C33:E35 C57:E57 C59:E59 C61:E61 C38:E50 C63:E68 C8:C14 C55">
      <formula1>#REF!</formula1>
    </dataValidation>
  </dataValidations>
  <pageMargins left="0.78740157480314965" right="0.51181102362204722" top="0.39370078740157483" bottom="0.59055118110236227" header="0.51181102362204722" footer="0.51181102362204722"/>
  <pageSetup paperSize="9" scale="99" firstPageNumber="3" fitToHeight="0" orientation="portrait" useFirstPageNumber="1" r:id="rId1"/>
  <headerFooter alignWithMargins="0">
    <oddFooter>&amp;C&amp;10E-&amp;P</oddFooter>
  </headerFooter>
  <rowBreaks count="1" manualBreakCount="1">
    <brk id="5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6</vt:i4>
      </vt:variant>
    </vt:vector>
  </HeadingPairs>
  <TitlesOfParts>
    <vt:vector size="15" baseType="lpstr">
      <vt:lpstr>数量算出チェックリスト（表紙)</vt:lpstr>
      <vt:lpstr>数量算出チェックリスト（基本事項）</vt:lpstr>
      <vt:lpstr>数量算出チェックリスト（数量算出）</vt:lpstr>
      <vt:lpstr>積算数量調書チェックリスト（表紙）</vt:lpstr>
      <vt:lpstr>積算数量調書チェックリスト</vt:lpstr>
      <vt:lpstr>単価資料等チェックリスト（表紙）</vt:lpstr>
      <vt:lpstr>単価資料等チェックリスト</vt:lpstr>
      <vt:lpstr>単価等設定チェックリスト</vt:lpstr>
      <vt:lpstr>昇降機設備チェックリスト(必要に応じて各チェックリストに添付）</vt:lpstr>
      <vt:lpstr>'数量算出チェックリスト（基本事項）'!Print_Area</vt:lpstr>
      <vt:lpstr>'数量算出チェックリスト（数量算出）'!Print_Area</vt:lpstr>
      <vt:lpstr>'数量算出チェックリスト（表紙)'!Print_Area</vt:lpstr>
      <vt:lpstr>積算数量調書チェックリスト!Print_Area</vt:lpstr>
      <vt:lpstr>単価資料等チェックリスト!Print_Area</vt:lpstr>
      <vt:lpstr>単価等設定チェックリスト!Print_Area</vt:lpstr>
    </vt:vector>
  </TitlesOfParts>
  <Company>国土交通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行政情報システム室</dc:creator>
  <cp:lastModifiedBy>user</cp:lastModifiedBy>
  <cp:lastPrinted>2021-03-18T22:54:31Z</cp:lastPrinted>
  <dcterms:created xsi:type="dcterms:W3CDTF">2008-04-22T06:33:43Z</dcterms:created>
  <dcterms:modified xsi:type="dcterms:W3CDTF">2024-04-19T09:05:17Z</dcterms:modified>
</cp:coreProperties>
</file>